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2"/>
  </p:notesMasterIdLst>
  <p:handoutMasterIdLst>
    <p:handoutMasterId r:id="rId23"/>
  </p:handoutMasterIdLst>
  <p:sldIdLst>
    <p:sldId id="256" r:id="rId10"/>
    <p:sldId id="260" r:id="rId11"/>
    <p:sldId id="279" r:id="rId12"/>
    <p:sldId id="257" r:id="rId13"/>
    <p:sldId id="261" r:id="rId14"/>
    <p:sldId id="270" r:id="rId15"/>
    <p:sldId id="271" r:id="rId16"/>
    <p:sldId id="272" r:id="rId17"/>
    <p:sldId id="274" r:id="rId18"/>
    <p:sldId id="277" r:id="rId19"/>
    <p:sldId id="268" r:id="rId20"/>
    <p:sldId id="273" r:id="rId21"/>
  </p:sldIdLst>
  <p:sldSz cx="12190413" cy="6858000"/>
  <p:notesSz cx="6858000" cy="9144000"/>
  <p:custDataLst>
    <p:tags r:id="rId2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111" d="100"/>
          <a:sy n="111" d="100"/>
        </p:scale>
        <p:origin x="594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AE4EC2C8-037B-4299-BD44-EE7C4BF53929}" type="doc">
      <dgm:prSet loTypeId="urn:microsoft.com/office/officeart/2005/8/layout/cycle5" loCatId="cycle" qsTypeId="urn:microsoft.com/office/officeart/2005/8/quickstyle/3d3" qsCatId="3D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9C9210D8-9530-4118-8DDF-713308C4A522}">
      <dgm:prSet phldrT="[Text]"/>
      <dgm:spPr/>
      <dgm:t>
        <a:bodyPr/>
        <a:lstStyle/>
        <a:p>
          <a:r>
            <a:rPr lang="da-DK" dirty="0" err="1"/>
            <a:t>Context</a:t>
          </a:r>
          <a:endParaRPr lang="da-DK" dirty="0"/>
        </a:p>
      </dgm:t>
    </dgm:pt>
    <dgm:pt modelId="{AC9BD3D8-D2FC-4491-8617-DDD8CF1D8B90}" type="parTrans" cxnId="{C2B65D4D-7CE0-4236-B841-8212C40BC808}">
      <dgm:prSet/>
      <dgm:spPr/>
      <dgm:t>
        <a:bodyPr/>
        <a:lstStyle/>
        <a:p>
          <a:endParaRPr lang="da-DK"/>
        </a:p>
      </dgm:t>
    </dgm:pt>
    <dgm:pt modelId="{07F85556-DD3A-40A8-95F5-F16C54AA21A9}" type="sibTrans" cxnId="{C2B65D4D-7CE0-4236-B841-8212C40BC808}">
      <dgm:prSet/>
      <dgm:spPr/>
      <dgm:t>
        <a:bodyPr/>
        <a:lstStyle/>
        <a:p>
          <a:endParaRPr lang="da-DK"/>
        </a:p>
      </dgm:t>
    </dgm:pt>
    <dgm:pt modelId="{78222327-3741-48C2-BA38-2D00BF6FAA46}">
      <dgm:prSet phldrT="[Text]"/>
      <dgm:spPr/>
      <dgm:t>
        <a:bodyPr/>
        <a:lstStyle/>
        <a:p>
          <a:r>
            <a:rPr lang="da-DK" dirty="0" err="1"/>
            <a:t>Modeling</a:t>
          </a:r>
          <a:endParaRPr lang="da-DK" dirty="0"/>
        </a:p>
      </dgm:t>
    </dgm:pt>
    <dgm:pt modelId="{E01E97E8-9E68-42AF-8843-531E0D327088}" type="parTrans" cxnId="{17371979-E7BD-4C54-B773-2693D0F1AE89}">
      <dgm:prSet/>
      <dgm:spPr/>
      <dgm:t>
        <a:bodyPr/>
        <a:lstStyle/>
        <a:p>
          <a:endParaRPr lang="da-DK"/>
        </a:p>
      </dgm:t>
    </dgm:pt>
    <dgm:pt modelId="{7F9D3342-0EB0-4D6A-BEFA-E81E471821C7}" type="sibTrans" cxnId="{17371979-E7BD-4C54-B773-2693D0F1AE89}">
      <dgm:prSet/>
      <dgm:spPr/>
      <dgm:t>
        <a:bodyPr/>
        <a:lstStyle/>
        <a:p>
          <a:endParaRPr lang="da-DK"/>
        </a:p>
      </dgm:t>
    </dgm:pt>
    <dgm:pt modelId="{7BBF9699-1316-4190-88AE-34F6BE5B6D6C}">
      <dgm:prSet phldrT="[Text]"/>
      <dgm:spPr/>
      <dgm:t>
        <a:bodyPr/>
        <a:lstStyle/>
        <a:p>
          <a:r>
            <a:rPr lang="da-DK" dirty="0"/>
            <a:t>Mathematical Analysis</a:t>
          </a:r>
        </a:p>
      </dgm:t>
    </dgm:pt>
    <dgm:pt modelId="{24F26C23-83DD-48E6-8FA8-140B75CBFC52}" type="parTrans" cxnId="{C13CFDF0-8CB3-4200-8595-7AFABCCD89FE}">
      <dgm:prSet/>
      <dgm:spPr/>
      <dgm:t>
        <a:bodyPr/>
        <a:lstStyle/>
        <a:p>
          <a:endParaRPr lang="da-DK"/>
        </a:p>
      </dgm:t>
    </dgm:pt>
    <dgm:pt modelId="{AC5546E0-EE29-497A-AC3F-22F3D82CCB25}" type="sibTrans" cxnId="{C13CFDF0-8CB3-4200-8595-7AFABCCD89FE}">
      <dgm:prSet/>
      <dgm:spPr/>
      <dgm:t>
        <a:bodyPr/>
        <a:lstStyle/>
        <a:p>
          <a:endParaRPr lang="da-DK"/>
        </a:p>
      </dgm:t>
    </dgm:pt>
    <dgm:pt modelId="{CBA0B851-EF0F-4CCA-92F3-9B079E52610A}">
      <dgm:prSet phldrT="[Text]"/>
      <dgm:spPr/>
      <dgm:t>
        <a:bodyPr/>
        <a:lstStyle/>
        <a:p>
          <a:r>
            <a:rPr lang="da-DK" dirty="0"/>
            <a:t>Computing</a:t>
          </a:r>
        </a:p>
      </dgm:t>
    </dgm:pt>
    <dgm:pt modelId="{1EC6F902-0570-4BD2-B6A2-383BCFFB40A3}" type="parTrans" cxnId="{50E801AA-E73E-4D3F-B850-4E41A062A8B8}">
      <dgm:prSet/>
      <dgm:spPr/>
      <dgm:t>
        <a:bodyPr/>
        <a:lstStyle/>
        <a:p>
          <a:endParaRPr lang="da-DK"/>
        </a:p>
      </dgm:t>
    </dgm:pt>
    <dgm:pt modelId="{E8AC6081-2135-4862-A7A6-5326BFB63194}" type="sibTrans" cxnId="{50E801AA-E73E-4D3F-B850-4E41A062A8B8}">
      <dgm:prSet/>
      <dgm:spPr/>
      <dgm:t>
        <a:bodyPr/>
        <a:lstStyle/>
        <a:p>
          <a:endParaRPr lang="da-DK"/>
        </a:p>
      </dgm:t>
    </dgm:pt>
    <dgm:pt modelId="{2D8917F5-2C11-4705-899F-706B377F36A4}" type="pres">
      <dgm:prSet presAssocID="{AE4EC2C8-037B-4299-BD44-EE7C4BF53929}" presName="cycle" presStyleCnt="0">
        <dgm:presLayoutVars>
          <dgm:dir/>
          <dgm:resizeHandles val="exact"/>
        </dgm:presLayoutVars>
      </dgm:prSet>
      <dgm:spPr/>
    </dgm:pt>
    <dgm:pt modelId="{A58DB2FF-AEE1-4A75-B643-3B4B796017EA}" type="pres">
      <dgm:prSet presAssocID="{9C9210D8-9530-4118-8DDF-713308C4A522}" presName="node" presStyleLbl="node1" presStyleIdx="0" presStyleCnt="4">
        <dgm:presLayoutVars>
          <dgm:bulletEnabled val="1"/>
        </dgm:presLayoutVars>
      </dgm:prSet>
      <dgm:spPr/>
    </dgm:pt>
    <dgm:pt modelId="{3A972B53-5210-4448-A840-309E9E35C934}" type="pres">
      <dgm:prSet presAssocID="{9C9210D8-9530-4118-8DDF-713308C4A522}" presName="spNode" presStyleCnt="0"/>
      <dgm:spPr/>
    </dgm:pt>
    <dgm:pt modelId="{2E8D689E-F9F5-4CC9-96DD-56D29D796DA8}" type="pres">
      <dgm:prSet presAssocID="{07F85556-DD3A-40A8-95F5-F16C54AA21A9}" presName="sibTrans" presStyleLbl="sibTrans1D1" presStyleIdx="0" presStyleCnt="4"/>
      <dgm:spPr/>
    </dgm:pt>
    <dgm:pt modelId="{5E00A36E-C1FC-4FF5-BA90-EAA2762F7B28}" type="pres">
      <dgm:prSet presAssocID="{78222327-3741-48C2-BA38-2D00BF6FAA46}" presName="node" presStyleLbl="node1" presStyleIdx="1" presStyleCnt="4">
        <dgm:presLayoutVars>
          <dgm:bulletEnabled val="1"/>
        </dgm:presLayoutVars>
      </dgm:prSet>
      <dgm:spPr/>
    </dgm:pt>
    <dgm:pt modelId="{E48B2353-1DA7-4320-A706-1BAE3ED0319D}" type="pres">
      <dgm:prSet presAssocID="{78222327-3741-48C2-BA38-2D00BF6FAA46}" presName="spNode" presStyleCnt="0"/>
      <dgm:spPr/>
    </dgm:pt>
    <dgm:pt modelId="{CE384460-B450-4504-A79A-E2E00A462BE1}" type="pres">
      <dgm:prSet presAssocID="{7F9D3342-0EB0-4D6A-BEFA-E81E471821C7}" presName="sibTrans" presStyleLbl="sibTrans1D1" presStyleIdx="1" presStyleCnt="4"/>
      <dgm:spPr/>
    </dgm:pt>
    <dgm:pt modelId="{4701904E-09E5-4D83-94C9-7F33BF1F8AC5}" type="pres">
      <dgm:prSet presAssocID="{7BBF9699-1316-4190-88AE-34F6BE5B6D6C}" presName="node" presStyleLbl="node1" presStyleIdx="2" presStyleCnt="4">
        <dgm:presLayoutVars>
          <dgm:bulletEnabled val="1"/>
        </dgm:presLayoutVars>
      </dgm:prSet>
      <dgm:spPr/>
    </dgm:pt>
    <dgm:pt modelId="{F5B1B787-7958-40A9-8D01-68010443A2CD}" type="pres">
      <dgm:prSet presAssocID="{7BBF9699-1316-4190-88AE-34F6BE5B6D6C}" presName="spNode" presStyleCnt="0"/>
      <dgm:spPr/>
    </dgm:pt>
    <dgm:pt modelId="{1735AABA-B181-4720-9A81-9D5440D146AE}" type="pres">
      <dgm:prSet presAssocID="{AC5546E0-EE29-497A-AC3F-22F3D82CCB25}" presName="sibTrans" presStyleLbl="sibTrans1D1" presStyleIdx="2" presStyleCnt="4"/>
      <dgm:spPr/>
    </dgm:pt>
    <dgm:pt modelId="{2A7182DE-3E0E-4EB6-B898-6C6BDF7B6563}" type="pres">
      <dgm:prSet presAssocID="{CBA0B851-EF0F-4CCA-92F3-9B079E52610A}" presName="node" presStyleLbl="node1" presStyleIdx="3" presStyleCnt="4">
        <dgm:presLayoutVars>
          <dgm:bulletEnabled val="1"/>
        </dgm:presLayoutVars>
      </dgm:prSet>
      <dgm:spPr/>
    </dgm:pt>
    <dgm:pt modelId="{10614D33-5F9F-46C7-A027-F7F19B468F9F}" type="pres">
      <dgm:prSet presAssocID="{CBA0B851-EF0F-4CCA-92F3-9B079E52610A}" presName="spNode" presStyleCnt="0"/>
      <dgm:spPr/>
    </dgm:pt>
    <dgm:pt modelId="{A43B9C61-8462-4D4C-9E7C-523F95B1E8AF}" type="pres">
      <dgm:prSet presAssocID="{E8AC6081-2135-4862-A7A6-5326BFB63194}" presName="sibTrans" presStyleLbl="sibTrans1D1" presStyleIdx="3" presStyleCnt="4"/>
      <dgm:spPr/>
    </dgm:pt>
  </dgm:ptLst>
  <dgm:cxnLst>
    <dgm:cxn modelId="{5B59ED45-7FC5-45A8-A572-1FC0B0C67B1C}" type="presOf" srcId="{CBA0B851-EF0F-4CCA-92F3-9B079E52610A}" destId="{2A7182DE-3E0E-4EB6-B898-6C6BDF7B6563}" srcOrd="0" destOrd="0" presId="urn:microsoft.com/office/officeart/2005/8/layout/cycle5"/>
    <dgm:cxn modelId="{C2B65D4D-7CE0-4236-B841-8212C40BC808}" srcId="{AE4EC2C8-037B-4299-BD44-EE7C4BF53929}" destId="{9C9210D8-9530-4118-8DDF-713308C4A522}" srcOrd="0" destOrd="0" parTransId="{AC9BD3D8-D2FC-4491-8617-DDD8CF1D8B90}" sibTransId="{07F85556-DD3A-40A8-95F5-F16C54AA21A9}"/>
    <dgm:cxn modelId="{17371979-E7BD-4C54-B773-2693D0F1AE89}" srcId="{AE4EC2C8-037B-4299-BD44-EE7C4BF53929}" destId="{78222327-3741-48C2-BA38-2D00BF6FAA46}" srcOrd="1" destOrd="0" parTransId="{E01E97E8-9E68-42AF-8843-531E0D327088}" sibTransId="{7F9D3342-0EB0-4D6A-BEFA-E81E471821C7}"/>
    <dgm:cxn modelId="{71C40E8F-F623-4A4A-B84A-13B9A9C79AD9}" type="presOf" srcId="{AE4EC2C8-037B-4299-BD44-EE7C4BF53929}" destId="{2D8917F5-2C11-4705-899F-706B377F36A4}" srcOrd="0" destOrd="0" presId="urn:microsoft.com/office/officeart/2005/8/layout/cycle5"/>
    <dgm:cxn modelId="{1A4D4A9A-5F81-445D-8004-BB9E9D658372}" type="presOf" srcId="{9C9210D8-9530-4118-8DDF-713308C4A522}" destId="{A58DB2FF-AEE1-4A75-B643-3B4B796017EA}" srcOrd="0" destOrd="0" presId="urn:microsoft.com/office/officeart/2005/8/layout/cycle5"/>
    <dgm:cxn modelId="{304CCBA9-B4C7-401C-8DB9-F8BDF3E15F22}" type="presOf" srcId="{7BBF9699-1316-4190-88AE-34F6BE5B6D6C}" destId="{4701904E-09E5-4D83-94C9-7F33BF1F8AC5}" srcOrd="0" destOrd="0" presId="urn:microsoft.com/office/officeart/2005/8/layout/cycle5"/>
    <dgm:cxn modelId="{50E801AA-E73E-4D3F-B850-4E41A062A8B8}" srcId="{AE4EC2C8-037B-4299-BD44-EE7C4BF53929}" destId="{CBA0B851-EF0F-4CCA-92F3-9B079E52610A}" srcOrd="3" destOrd="0" parTransId="{1EC6F902-0570-4BD2-B6A2-383BCFFB40A3}" sibTransId="{E8AC6081-2135-4862-A7A6-5326BFB63194}"/>
    <dgm:cxn modelId="{339BE0C1-0F53-4809-9946-76315011DCF3}" type="presOf" srcId="{07F85556-DD3A-40A8-95F5-F16C54AA21A9}" destId="{2E8D689E-F9F5-4CC9-96DD-56D29D796DA8}" srcOrd="0" destOrd="0" presId="urn:microsoft.com/office/officeart/2005/8/layout/cycle5"/>
    <dgm:cxn modelId="{22C800CE-2710-4F8B-96AB-EB22D1EDE807}" type="presOf" srcId="{7F9D3342-0EB0-4D6A-BEFA-E81E471821C7}" destId="{CE384460-B450-4504-A79A-E2E00A462BE1}" srcOrd="0" destOrd="0" presId="urn:microsoft.com/office/officeart/2005/8/layout/cycle5"/>
    <dgm:cxn modelId="{AD8628DD-4B8F-4235-996C-771641E8967C}" type="presOf" srcId="{E8AC6081-2135-4862-A7A6-5326BFB63194}" destId="{A43B9C61-8462-4D4C-9E7C-523F95B1E8AF}" srcOrd="0" destOrd="0" presId="urn:microsoft.com/office/officeart/2005/8/layout/cycle5"/>
    <dgm:cxn modelId="{965DCBE8-6062-4A5C-8DA3-5C22ACE22409}" type="presOf" srcId="{78222327-3741-48C2-BA38-2D00BF6FAA46}" destId="{5E00A36E-C1FC-4FF5-BA90-EAA2762F7B28}" srcOrd="0" destOrd="0" presId="urn:microsoft.com/office/officeart/2005/8/layout/cycle5"/>
    <dgm:cxn modelId="{0D1BCAED-2D5E-476B-B416-EBADE928E8D4}" type="presOf" srcId="{AC5546E0-EE29-497A-AC3F-22F3D82CCB25}" destId="{1735AABA-B181-4720-9A81-9D5440D146AE}" srcOrd="0" destOrd="0" presId="urn:microsoft.com/office/officeart/2005/8/layout/cycle5"/>
    <dgm:cxn modelId="{C13CFDF0-8CB3-4200-8595-7AFABCCD89FE}" srcId="{AE4EC2C8-037B-4299-BD44-EE7C4BF53929}" destId="{7BBF9699-1316-4190-88AE-34F6BE5B6D6C}" srcOrd="2" destOrd="0" parTransId="{24F26C23-83DD-48E6-8FA8-140B75CBFC52}" sibTransId="{AC5546E0-EE29-497A-AC3F-22F3D82CCB25}"/>
    <dgm:cxn modelId="{7E682B95-209B-454B-99A8-F83324E550AF}" type="presParOf" srcId="{2D8917F5-2C11-4705-899F-706B377F36A4}" destId="{A58DB2FF-AEE1-4A75-B643-3B4B796017EA}" srcOrd="0" destOrd="0" presId="urn:microsoft.com/office/officeart/2005/8/layout/cycle5"/>
    <dgm:cxn modelId="{0EFC4B74-EC0A-4374-98EC-43340AEFD373}" type="presParOf" srcId="{2D8917F5-2C11-4705-899F-706B377F36A4}" destId="{3A972B53-5210-4448-A840-309E9E35C934}" srcOrd="1" destOrd="0" presId="urn:microsoft.com/office/officeart/2005/8/layout/cycle5"/>
    <dgm:cxn modelId="{3F99B2EF-96F2-4338-9647-FE0EF48874BB}" type="presParOf" srcId="{2D8917F5-2C11-4705-899F-706B377F36A4}" destId="{2E8D689E-F9F5-4CC9-96DD-56D29D796DA8}" srcOrd="2" destOrd="0" presId="urn:microsoft.com/office/officeart/2005/8/layout/cycle5"/>
    <dgm:cxn modelId="{EF44B17E-9650-4308-80F8-53981E3658D9}" type="presParOf" srcId="{2D8917F5-2C11-4705-899F-706B377F36A4}" destId="{5E00A36E-C1FC-4FF5-BA90-EAA2762F7B28}" srcOrd="3" destOrd="0" presId="urn:microsoft.com/office/officeart/2005/8/layout/cycle5"/>
    <dgm:cxn modelId="{46C05629-E613-488B-ADAE-EE6F65CD2D47}" type="presParOf" srcId="{2D8917F5-2C11-4705-899F-706B377F36A4}" destId="{E48B2353-1DA7-4320-A706-1BAE3ED0319D}" srcOrd="4" destOrd="0" presId="urn:microsoft.com/office/officeart/2005/8/layout/cycle5"/>
    <dgm:cxn modelId="{3B2FB2B8-50A6-47F8-930C-A92833ED0C5D}" type="presParOf" srcId="{2D8917F5-2C11-4705-899F-706B377F36A4}" destId="{CE384460-B450-4504-A79A-E2E00A462BE1}" srcOrd="5" destOrd="0" presId="urn:microsoft.com/office/officeart/2005/8/layout/cycle5"/>
    <dgm:cxn modelId="{4EC3BC32-41DC-4A72-A2E6-F137BC1AD2AB}" type="presParOf" srcId="{2D8917F5-2C11-4705-899F-706B377F36A4}" destId="{4701904E-09E5-4D83-94C9-7F33BF1F8AC5}" srcOrd="6" destOrd="0" presId="urn:microsoft.com/office/officeart/2005/8/layout/cycle5"/>
    <dgm:cxn modelId="{D0E0EEE8-66BA-4278-B353-7BE2C4F17865}" type="presParOf" srcId="{2D8917F5-2C11-4705-899F-706B377F36A4}" destId="{F5B1B787-7958-40A9-8D01-68010443A2CD}" srcOrd="7" destOrd="0" presId="urn:microsoft.com/office/officeart/2005/8/layout/cycle5"/>
    <dgm:cxn modelId="{4334F905-9EAB-4B14-BF86-AB684F62B8D5}" type="presParOf" srcId="{2D8917F5-2C11-4705-899F-706B377F36A4}" destId="{1735AABA-B181-4720-9A81-9D5440D146AE}" srcOrd="8" destOrd="0" presId="urn:microsoft.com/office/officeart/2005/8/layout/cycle5"/>
    <dgm:cxn modelId="{07182BB8-37B0-44D0-8EF5-F34F816A032C}" type="presParOf" srcId="{2D8917F5-2C11-4705-899F-706B377F36A4}" destId="{2A7182DE-3E0E-4EB6-B898-6C6BDF7B6563}" srcOrd="9" destOrd="0" presId="urn:microsoft.com/office/officeart/2005/8/layout/cycle5"/>
    <dgm:cxn modelId="{51232538-84D4-4C8C-9AE7-6AF7CF5E655C}" type="presParOf" srcId="{2D8917F5-2C11-4705-899F-706B377F36A4}" destId="{10614D33-5F9F-46C7-A027-F7F19B468F9F}" srcOrd="10" destOrd="0" presId="urn:microsoft.com/office/officeart/2005/8/layout/cycle5"/>
    <dgm:cxn modelId="{8E4D412C-6D47-4BAA-AE48-BA2DCFBB09CE}" type="presParOf" srcId="{2D8917F5-2C11-4705-899F-706B377F36A4}" destId="{A43B9C61-8462-4D4C-9E7C-523F95B1E8AF}" srcOrd="11" destOrd="0" presId="urn:microsoft.com/office/officeart/2005/8/layout/cycle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AE4EC2C8-037B-4299-BD44-EE7C4BF53929}" type="doc">
      <dgm:prSet loTypeId="urn:microsoft.com/office/officeart/2005/8/layout/cycle5" loCatId="cycle" qsTypeId="urn:microsoft.com/office/officeart/2005/8/quickstyle/3d3" qsCatId="3D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9C9210D8-9530-4118-8DDF-713308C4A522}">
      <dgm:prSet phldrT="[Text]"/>
      <dgm:spPr/>
      <dgm:t>
        <a:bodyPr/>
        <a:lstStyle/>
        <a:p>
          <a:r>
            <a:rPr lang="da-DK" dirty="0" err="1"/>
            <a:t>Context</a:t>
          </a:r>
          <a:endParaRPr lang="da-DK" dirty="0"/>
        </a:p>
      </dgm:t>
    </dgm:pt>
    <dgm:pt modelId="{AC9BD3D8-D2FC-4491-8617-DDD8CF1D8B90}" type="parTrans" cxnId="{C2B65D4D-7CE0-4236-B841-8212C40BC808}">
      <dgm:prSet/>
      <dgm:spPr/>
      <dgm:t>
        <a:bodyPr/>
        <a:lstStyle/>
        <a:p>
          <a:endParaRPr lang="da-DK"/>
        </a:p>
      </dgm:t>
    </dgm:pt>
    <dgm:pt modelId="{07F85556-DD3A-40A8-95F5-F16C54AA21A9}" type="sibTrans" cxnId="{C2B65D4D-7CE0-4236-B841-8212C40BC808}">
      <dgm:prSet/>
      <dgm:spPr/>
      <dgm:t>
        <a:bodyPr/>
        <a:lstStyle/>
        <a:p>
          <a:endParaRPr lang="da-DK"/>
        </a:p>
      </dgm:t>
    </dgm:pt>
    <dgm:pt modelId="{78222327-3741-48C2-BA38-2D00BF6FAA46}">
      <dgm:prSet phldrT="[Text]"/>
      <dgm:spPr/>
      <dgm:t>
        <a:bodyPr/>
        <a:lstStyle/>
        <a:p>
          <a:r>
            <a:rPr lang="da-DK" dirty="0"/>
            <a:t>Mathematical </a:t>
          </a:r>
          <a:r>
            <a:rPr lang="da-DK" dirty="0" err="1"/>
            <a:t>Modeling</a:t>
          </a:r>
          <a:endParaRPr lang="da-DK" dirty="0"/>
        </a:p>
      </dgm:t>
    </dgm:pt>
    <dgm:pt modelId="{E01E97E8-9E68-42AF-8843-531E0D327088}" type="parTrans" cxnId="{17371979-E7BD-4C54-B773-2693D0F1AE89}">
      <dgm:prSet/>
      <dgm:spPr/>
      <dgm:t>
        <a:bodyPr/>
        <a:lstStyle/>
        <a:p>
          <a:endParaRPr lang="da-DK"/>
        </a:p>
      </dgm:t>
    </dgm:pt>
    <dgm:pt modelId="{7F9D3342-0EB0-4D6A-BEFA-E81E471821C7}" type="sibTrans" cxnId="{17371979-E7BD-4C54-B773-2693D0F1AE89}">
      <dgm:prSet/>
      <dgm:spPr/>
      <dgm:t>
        <a:bodyPr/>
        <a:lstStyle/>
        <a:p>
          <a:endParaRPr lang="da-DK"/>
        </a:p>
      </dgm:t>
    </dgm:pt>
    <dgm:pt modelId="{7BBF9699-1316-4190-88AE-34F6BE5B6D6C}">
      <dgm:prSet phldrT="[Text]"/>
      <dgm:spPr/>
      <dgm:t>
        <a:bodyPr/>
        <a:lstStyle/>
        <a:p>
          <a:r>
            <a:rPr lang="da-DK" dirty="0"/>
            <a:t>Mathematical Analysis</a:t>
          </a:r>
        </a:p>
      </dgm:t>
    </dgm:pt>
    <dgm:pt modelId="{24F26C23-83DD-48E6-8FA8-140B75CBFC52}" type="parTrans" cxnId="{C13CFDF0-8CB3-4200-8595-7AFABCCD89FE}">
      <dgm:prSet/>
      <dgm:spPr/>
      <dgm:t>
        <a:bodyPr/>
        <a:lstStyle/>
        <a:p>
          <a:endParaRPr lang="da-DK"/>
        </a:p>
      </dgm:t>
    </dgm:pt>
    <dgm:pt modelId="{AC5546E0-EE29-497A-AC3F-22F3D82CCB25}" type="sibTrans" cxnId="{C13CFDF0-8CB3-4200-8595-7AFABCCD89FE}">
      <dgm:prSet/>
      <dgm:spPr/>
      <dgm:t>
        <a:bodyPr/>
        <a:lstStyle/>
        <a:p>
          <a:endParaRPr lang="da-DK"/>
        </a:p>
      </dgm:t>
    </dgm:pt>
    <dgm:pt modelId="{CBA0B851-EF0F-4CCA-92F3-9B079E52610A}">
      <dgm:prSet phldrT="[Text]"/>
      <dgm:spPr/>
      <dgm:t>
        <a:bodyPr/>
        <a:lstStyle/>
        <a:p>
          <a:r>
            <a:rPr lang="da-DK" dirty="0"/>
            <a:t>Computing</a:t>
          </a:r>
        </a:p>
      </dgm:t>
    </dgm:pt>
    <dgm:pt modelId="{1EC6F902-0570-4BD2-B6A2-383BCFFB40A3}" type="parTrans" cxnId="{50E801AA-E73E-4D3F-B850-4E41A062A8B8}">
      <dgm:prSet/>
      <dgm:spPr/>
      <dgm:t>
        <a:bodyPr/>
        <a:lstStyle/>
        <a:p>
          <a:endParaRPr lang="da-DK"/>
        </a:p>
      </dgm:t>
    </dgm:pt>
    <dgm:pt modelId="{E8AC6081-2135-4862-A7A6-5326BFB63194}" type="sibTrans" cxnId="{50E801AA-E73E-4D3F-B850-4E41A062A8B8}">
      <dgm:prSet/>
      <dgm:spPr/>
      <dgm:t>
        <a:bodyPr/>
        <a:lstStyle/>
        <a:p>
          <a:endParaRPr lang="da-DK"/>
        </a:p>
      </dgm:t>
    </dgm:pt>
    <dgm:pt modelId="{2D8917F5-2C11-4705-899F-706B377F36A4}" type="pres">
      <dgm:prSet presAssocID="{AE4EC2C8-037B-4299-BD44-EE7C4BF53929}" presName="cycle" presStyleCnt="0">
        <dgm:presLayoutVars>
          <dgm:dir/>
          <dgm:resizeHandles val="exact"/>
        </dgm:presLayoutVars>
      </dgm:prSet>
      <dgm:spPr/>
    </dgm:pt>
    <dgm:pt modelId="{A58DB2FF-AEE1-4A75-B643-3B4B796017EA}" type="pres">
      <dgm:prSet presAssocID="{9C9210D8-9530-4118-8DDF-713308C4A522}" presName="node" presStyleLbl="node1" presStyleIdx="0" presStyleCnt="4">
        <dgm:presLayoutVars>
          <dgm:bulletEnabled val="1"/>
        </dgm:presLayoutVars>
      </dgm:prSet>
      <dgm:spPr/>
    </dgm:pt>
    <dgm:pt modelId="{3A972B53-5210-4448-A840-309E9E35C934}" type="pres">
      <dgm:prSet presAssocID="{9C9210D8-9530-4118-8DDF-713308C4A522}" presName="spNode" presStyleCnt="0"/>
      <dgm:spPr/>
    </dgm:pt>
    <dgm:pt modelId="{2E8D689E-F9F5-4CC9-96DD-56D29D796DA8}" type="pres">
      <dgm:prSet presAssocID="{07F85556-DD3A-40A8-95F5-F16C54AA21A9}" presName="sibTrans" presStyleLbl="sibTrans1D1" presStyleIdx="0" presStyleCnt="4"/>
      <dgm:spPr/>
    </dgm:pt>
    <dgm:pt modelId="{5E00A36E-C1FC-4FF5-BA90-EAA2762F7B28}" type="pres">
      <dgm:prSet presAssocID="{78222327-3741-48C2-BA38-2D00BF6FAA46}" presName="node" presStyleLbl="node1" presStyleIdx="1" presStyleCnt="4">
        <dgm:presLayoutVars>
          <dgm:bulletEnabled val="1"/>
        </dgm:presLayoutVars>
      </dgm:prSet>
      <dgm:spPr/>
    </dgm:pt>
    <dgm:pt modelId="{E48B2353-1DA7-4320-A706-1BAE3ED0319D}" type="pres">
      <dgm:prSet presAssocID="{78222327-3741-48C2-BA38-2D00BF6FAA46}" presName="spNode" presStyleCnt="0"/>
      <dgm:spPr/>
    </dgm:pt>
    <dgm:pt modelId="{CE384460-B450-4504-A79A-E2E00A462BE1}" type="pres">
      <dgm:prSet presAssocID="{7F9D3342-0EB0-4D6A-BEFA-E81E471821C7}" presName="sibTrans" presStyleLbl="sibTrans1D1" presStyleIdx="1" presStyleCnt="4"/>
      <dgm:spPr/>
    </dgm:pt>
    <dgm:pt modelId="{4701904E-09E5-4D83-94C9-7F33BF1F8AC5}" type="pres">
      <dgm:prSet presAssocID="{7BBF9699-1316-4190-88AE-34F6BE5B6D6C}" presName="node" presStyleLbl="node1" presStyleIdx="2" presStyleCnt="4">
        <dgm:presLayoutVars>
          <dgm:bulletEnabled val="1"/>
        </dgm:presLayoutVars>
      </dgm:prSet>
      <dgm:spPr/>
    </dgm:pt>
    <dgm:pt modelId="{F5B1B787-7958-40A9-8D01-68010443A2CD}" type="pres">
      <dgm:prSet presAssocID="{7BBF9699-1316-4190-88AE-34F6BE5B6D6C}" presName="spNode" presStyleCnt="0"/>
      <dgm:spPr/>
    </dgm:pt>
    <dgm:pt modelId="{1735AABA-B181-4720-9A81-9D5440D146AE}" type="pres">
      <dgm:prSet presAssocID="{AC5546E0-EE29-497A-AC3F-22F3D82CCB25}" presName="sibTrans" presStyleLbl="sibTrans1D1" presStyleIdx="2" presStyleCnt="4"/>
      <dgm:spPr/>
    </dgm:pt>
    <dgm:pt modelId="{2A7182DE-3E0E-4EB6-B898-6C6BDF7B6563}" type="pres">
      <dgm:prSet presAssocID="{CBA0B851-EF0F-4CCA-92F3-9B079E52610A}" presName="node" presStyleLbl="node1" presStyleIdx="3" presStyleCnt="4">
        <dgm:presLayoutVars>
          <dgm:bulletEnabled val="1"/>
        </dgm:presLayoutVars>
      </dgm:prSet>
      <dgm:spPr/>
    </dgm:pt>
    <dgm:pt modelId="{10614D33-5F9F-46C7-A027-F7F19B468F9F}" type="pres">
      <dgm:prSet presAssocID="{CBA0B851-EF0F-4CCA-92F3-9B079E52610A}" presName="spNode" presStyleCnt="0"/>
      <dgm:spPr/>
    </dgm:pt>
    <dgm:pt modelId="{A43B9C61-8462-4D4C-9E7C-523F95B1E8AF}" type="pres">
      <dgm:prSet presAssocID="{E8AC6081-2135-4862-A7A6-5326BFB63194}" presName="sibTrans" presStyleLbl="sibTrans1D1" presStyleIdx="3" presStyleCnt="4"/>
      <dgm:spPr/>
    </dgm:pt>
  </dgm:ptLst>
  <dgm:cxnLst>
    <dgm:cxn modelId="{5B59ED45-7FC5-45A8-A572-1FC0B0C67B1C}" type="presOf" srcId="{CBA0B851-EF0F-4CCA-92F3-9B079E52610A}" destId="{2A7182DE-3E0E-4EB6-B898-6C6BDF7B6563}" srcOrd="0" destOrd="0" presId="urn:microsoft.com/office/officeart/2005/8/layout/cycle5"/>
    <dgm:cxn modelId="{C2B65D4D-7CE0-4236-B841-8212C40BC808}" srcId="{AE4EC2C8-037B-4299-BD44-EE7C4BF53929}" destId="{9C9210D8-9530-4118-8DDF-713308C4A522}" srcOrd="0" destOrd="0" parTransId="{AC9BD3D8-D2FC-4491-8617-DDD8CF1D8B90}" sibTransId="{07F85556-DD3A-40A8-95F5-F16C54AA21A9}"/>
    <dgm:cxn modelId="{17371979-E7BD-4C54-B773-2693D0F1AE89}" srcId="{AE4EC2C8-037B-4299-BD44-EE7C4BF53929}" destId="{78222327-3741-48C2-BA38-2D00BF6FAA46}" srcOrd="1" destOrd="0" parTransId="{E01E97E8-9E68-42AF-8843-531E0D327088}" sibTransId="{7F9D3342-0EB0-4D6A-BEFA-E81E471821C7}"/>
    <dgm:cxn modelId="{71C40E8F-F623-4A4A-B84A-13B9A9C79AD9}" type="presOf" srcId="{AE4EC2C8-037B-4299-BD44-EE7C4BF53929}" destId="{2D8917F5-2C11-4705-899F-706B377F36A4}" srcOrd="0" destOrd="0" presId="urn:microsoft.com/office/officeart/2005/8/layout/cycle5"/>
    <dgm:cxn modelId="{1A4D4A9A-5F81-445D-8004-BB9E9D658372}" type="presOf" srcId="{9C9210D8-9530-4118-8DDF-713308C4A522}" destId="{A58DB2FF-AEE1-4A75-B643-3B4B796017EA}" srcOrd="0" destOrd="0" presId="urn:microsoft.com/office/officeart/2005/8/layout/cycle5"/>
    <dgm:cxn modelId="{304CCBA9-B4C7-401C-8DB9-F8BDF3E15F22}" type="presOf" srcId="{7BBF9699-1316-4190-88AE-34F6BE5B6D6C}" destId="{4701904E-09E5-4D83-94C9-7F33BF1F8AC5}" srcOrd="0" destOrd="0" presId="urn:microsoft.com/office/officeart/2005/8/layout/cycle5"/>
    <dgm:cxn modelId="{50E801AA-E73E-4D3F-B850-4E41A062A8B8}" srcId="{AE4EC2C8-037B-4299-BD44-EE7C4BF53929}" destId="{CBA0B851-EF0F-4CCA-92F3-9B079E52610A}" srcOrd="3" destOrd="0" parTransId="{1EC6F902-0570-4BD2-B6A2-383BCFFB40A3}" sibTransId="{E8AC6081-2135-4862-A7A6-5326BFB63194}"/>
    <dgm:cxn modelId="{339BE0C1-0F53-4809-9946-76315011DCF3}" type="presOf" srcId="{07F85556-DD3A-40A8-95F5-F16C54AA21A9}" destId="{2E8D689E-F9F5-4CC9-96DD-56D29D796DA8}" srcOrd="0" destOrd="0" presId="urn:microsoft.com/office/officeart/2005/8/layout/cycle5"/>
    <dgm:cxn modelId="{22C800CE-2710-4F8B-96AB-EB22D1EDE807}" type="presOf" srcId="{7F9D3342-0EB0-4D6A-BEFA-E81E471821C7}" destId="{CE384460-B450-4504-A79A-E2E00A462BE1}" srcOrd="0" destOrd="0" presId="urn:microsoft.com/office/officeart/2005/8/layout/cycle5"/>
    <dgm:cxn modelId="{AD8628DD-4B8F-4235-996C-771641E8967C}" type="presOf" srcId="{E8AC6081-2135-4862-A7A6-5326BFB63194}" destId="{A43B9C61-8462-4D4C-9E7C-523F95B1E8AF}" srcOrd="0" destOrd="0" presId="urn:microsoft.com/office/officeart/2005/8/layout/cycle5"/>
    <dgm:cxn modelId="{965DCBE8-6062-4A5C-8DA3-5C22ACE22409}" type="presOf" srcId="{78222327-3741-48C2-BA38-2D00BF6FAA46}" destId="{5E00A36E-C1FC-4FF5-BA90-EAA2762F7B28}" srcOrd="0" destOrd="0" presId="urn:microsoft.com/office/officeart/2005/8/layout/cycle5"/>
    <dgm:cxn modelId="{0D1BCAED-2D5E-476B-B416-EBADE928E8D4}" type="presOf" srcId="{AC5546E0-EE29-497A-AC3F-22F3D82CCB25}" destId="{1735AABA-B181-4720-9A81-9D5440D146AE}" srcOrd="0" destOrd="0" presId="urn:microsoft.com/office/officeart/2005/8/layout/cycle5"/>
    <dgm:cxn modelId="{C13CFDF0-8CB3-4200-8595-7AFABCCD89FE}" srcId="{AE4EC2C8-037B-4299-BD44-EE7C4BF53929}" destId="{7BBF9699-1316-4190-88AE-34F6BE5B6D6C}" srcOrd="2" destOrd="0" parTransId="{24F26C23-83DD-48E6-8FA8-140B75CBFC52}" sibTransId="{AC5546E0-EE29-497A-AC3F-22F3D82CCB25}"/>
    <dgm:cxn modelId="{7E682B95-209B-454B-99A8-F83324E550AF}" type="presParOf" srcId="{2D8917F5-2C11-4705-899F-706B377F36A4}" destId="{A58DB2FF-AEE1-4A75-B643-3B4B796017EA}" srcOrd="0" destOrd="0" presId="urn:microsoft.com/office/officeart/2005/8/layout/cycle5"/>
    <dgm:cxn modelId="{0EFC4B74-EC0A-4374-98EC-43340AEFD373}" type="presParOf" srcId="{2D8917F5-2C11-4705-899F-706B377F36A4}" destId="{3A972B53-5210-4448-A840-309E9E35C934}" srcOrd="1" destOrd="0" presId="urn:microsoft.com/office/officeart/2005/8/layout/cycle5"/>
    <dgm:cxn modelId="{3F99B2EF-96F2-4338-9647-FE0EF48874BB}" type="presParOf" srcId="{2D8917F5-2C11-4705-899F-706B377F36A4}" destId="{2E8D689E-F9F5-4CC9-96DD-56D29D796DA8}" srcOrd="2" destOrd="0" presId="urn:microsoft.com/office/officeart/2005/8/layout/cycle5"/>
    <dgm:cxn modelId="{EF44B17E-9650-4308-80F8-53981E3658D9}" type="presParOf" srcId="{2D8917F5-2C11-4705-899F-706B377F36A4}" destId="{5E00A36E-C1FC-4FF5-BA90-EAA2762F7B28}" srcOrd="3" destOrd="0" presId="urn:microsoft.com/office/officeart/2005/8/layout/cycle5"/>
    <dgm:cxn modelId="{46C05629-E613-488B-ADAE-EE6F65CD2D47}" type="presParOf" srcId="{2D8917F5-2C11-4705-899F-706B377F36A4}" destId="{E48B2353-1DA7-4320-A706-1BAE3ED0319D}" srcOrd="4" destOrd="0" presId="urn:microsoft.com/office/officeart/2005/8/layout/cycle5"/>
    <dgm:cxn modelId="{3B2FB2B8-50A6-47F8-930C-A92833ED0C5D}" type="presParOf" srcId="{2D8917F5-2C11-4705-899F-706B377F36A4}" destId="{CE384460-B450-4504-A79A-E2E00A462BE1}" srcOrd="5" destOrd="0" presId="urn:microsoft.com/office/officeart/2005/8/layout/cycle5"/>
    <dgm:cxn modelId="{4EC3BC32-41DC-4A72-A2E6-F137BC1AD2AB}" type="presParOf" srcId="{2D8917F5-2C11-4705-899F-706B377F36A4}" destId="{4701904E-09E5-4D83-94C9-7F33BF1F8AC5}" srcOrd="6" destOrd="0" presId="urn:microsoft.com/office/officeart/2005/8/layout/cycle5"/>
    <dgm:cxn modelId="{D0E0EEE8-66BA-4278-B353-7BE2C4F17865}" type="presParOf" srcId="{2D8917F5-2C11-4705-899F-706B377F36A4}" destId="{F5B1B787-7958-40A9-8D01-68010443A2CD}" srcOrd="7" destOrd="0" presId="urn:microsoft.com/office/officeart/2005/8/layout/cycle5"/>
    <dgm:cxn modelId="{4334F905-9EAB-4B14-BF86-AB684F62B8D5}" type="presParOf" srcId="{2D8917F5-2C11-4705-899F-706B377F36A4}" destId="{1735AABA-B181-4720-9A81-9D5440D146AE}" srcOrd="8" destOrd="0" presId="urn:microsoft.com/office/officeart/2005/8/layout/cycle5"/>
    <dgm:cxn modelId="{07182BB8-37B0-44D0-8EF5-F34F816A032C}" type="presParOf" srcId="{2D8917F5-2C11-4705-899F-706B377F36A4}" destId="{2A7182DE-3E0E-4EB6-B898-6C6BDF7B6563}" srcOrd="9" destOrd="0" presId="urn:microsoft.com/office/officeart/2005/8/layout/cycle5"/>
    <dgm:cxn modelId="{51232538-84D4-4C8C-9AE7-6AF7CF5E655C}" type="presParOf" srcId="{2D8917F5-2C11-4705-899F-706B377F36A4}" destId="{10614D33-5F9F-46C7-A027-F7F19B468F9F}" srcOrd="10" destOrd="0" presId="urn:microsoft.com/office/officeart/2005/8/layout/cycle5"/>
    <dgm:cxn modelId="{8E4D412C-6D47-4BAA-AE48-BA2DCFBB09CE}" type="presParOf" srcId="{2D8917F5-2C11-4705-899F-706B377F36A4}" destId="{A43B9C61-8462-4D4C-9E7C-523F95B1E8AF}" srcOrd="11" destOrd="0" presId="urn:microsoft.com/office/officeart/2005/8/layout/cycle5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58DB2FF-AEE1-4A75-B643-3B4B796017EA}">
      <dsp:nvSpPr>
        <dsp:cNvPr id="0" name=""/>
        <dsp:cNvSpPr/>
      </dsp:nvSpPr>
      <dsp:spPr>
        <a:xfrm>
          <a:off x="2479360" y="2027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Context</a:t>
          </a:r>
          <a:endParaRPr lang="da-DK" sz="1600" kern="1200" dirty="0"/>
        </a:p>
      </dsp:txBody>
      <dsp:txXfrm>
        <a:off x="2526353" y="49020"/>
        <a:ext cx="1387027" cy="868672"/>
      </dsp:txXfrm>
    </dsp:sp>
    <dsp:sp modelId="{2E8D689E-F9F5-4CC9-96DD-56D29D796DA8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2536399" y="311141"/>
              </a:moveTo>
              <a:arcTo wR="1591213" hR="1591213" stAng="18386496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5E00A36E-C1FC-4FF5-BA90-EAA2762F7B28}">
      <dsp:nvSpPr>
        <dsp:cNvPr id="0" name=""/>
        <dsp:cNvSpPr/>
      </dsp:nvSpPr>
      <dsp:spPr>
        <a:xfrm>
          <a:off x="4070574" y="1593241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Modeling</a:t>
          </a:r>
          <a:endParaRPr lang="da-DK" sz="1600" kern="1200" dirty="0"/>
        </a:p>
      </dsp:txBody>
      <dsp:txXfrm>
        <a:off x="4117567" y="1640234"/>
        <a:ext cx="1387027" cy="868672"/>
      </dsp:txXfrm>
    </dsp:sp>
    <dsp:sp modelId="{CE384460-B450-4504-A79A-E2E00A462BE1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3017535" y="2296598"/>
              </a:moveTo>
              <a:arcTo wR="1591213" hR="1591213" stAng="1578878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701904E-09E5-4D83-94C9-7F33BF1F8AC5}">
      <dsp:nvSpPr>
        <dsp:cNvPr id="0" name=""/>
        <dsp:cNvSpPr/>
      </dsp:nvSpPr>
      <dsp:spPr>
        <a:xfrm>
          <a:off x="2479360" y="3184454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Mathematical Analysis</a:t>
          </a:r>
        </a:p>
      </dsp:txBody>
      <dsp:txXfrm>
        <a:off x="2526353" y="3231447"/>
        <a:ext cx="1387027" cy="868672"/>
      </dsp:txXfrm>
    </dsp:sp>
    <dsp:sp modelId="{1735AABA-B181-4720-9A81-9D5440D146AE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646027" y="2871285"/>
              </a:moveTo>
              <a:arcTo wR="1591213" hR="1591213" stAng="7586496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A7182DE-3E0E-4EB6-B898-6C6BDF7B6563}">
      <dsp:nvSpPr>
        <dsp:cNvPr id="0" name=""/>
        <dsp:cNvSpPr/>
      </dsp:nvSpPr>
      <dsp:spPr>
        <a:xfrm>
          <a:off x="888147" y="1593241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Computing</a:t>
          </a:r>
        </a:p>
      </dsp:txBody>
      <dsp:txXfrm>
        <a:off x="935140" y="1640234"/>
        <a:ext cx="1387027" cy="868672"/>
      </dsp:txXfrm>
    </dsp:sp>
    <dsp:sp modelId="{A43B9C61-8462-4D4C-9E7C-523F95B1E8AF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164892" y="885828"/>
              </a:moveTo>
              <a:arcTo wR="1591213" hR="1591213" stAng="12378878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58DB2FF-AEE1-4A75-B643-3B4B796017EA}">
      <dsp:nvSpPr>
        <dsp:cNvPr id="0" name=""/>
        <dsp:cNvSpPr/>
      </dsp:nvSpPr>
      <dsp:spPr>
        <a:xfrm>
          <a:off x="2479360" y="2027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 err="1"/>
            <a:t>Context</a:t>
          </a:r>
          <a:endParaRPr lang="da-DK" sz="1600" kern="1200" dirty="0"/>
        </a:p>
      </dsp:txBody>
      <dsp:txXfrm>
        <a:off x="2526353" y="49020"/>
        <a:ext cx="1387027" cy="868672"/>
      </dsp:txXfrm>
    </dsp:sp>
    <dsp:sp modelId="{2E8D689E-F9F5-4CC9-96DD-56D29D796DA8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2536399" y="311141"/>
              </a:moveTo>
              <a:arcTo wR="1591213" hR="1591213" stAng="18386496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5E00A36E-C1FC-4FF5-BA90-EAA2762F7B28}">
      <dsp:nvSpPr>
        <dsp:cNvPr id="0" name=""/>
        <dsp:cNvSpPr/>
      </dsp:nvSpPr>
      <dsp:spPr>
        <a:xfrm>
          <a:off x="4070574" y="1593241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Mathematical </a:t>
          </a:r>
          <a:r>
            <a:rPr lang="da-DK" sz="1600" kern="1200" dirty="0" err="1"/>
            <a:t>Modeling</a:t>
          </a:r>
          <a:endParaRPr lang="da-DK" sz="1600" kern="1200" dirty="0"/>
        </a:p>
      </dsp:txBody>
      <dsp:txXfrm>
        <a:off x="4117567" y="1640234"/>
        <a:ext cx="1387027" cy="868672"/>
      </dsp:txXfrm>
    </dsp:sp>
    <dsp:sp modelId="{CE384460-B450-4504-A79A-E2E00A462BE1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3017535" y="2296598"/>
              </a:moveTo>
              <a:arcTo wR="1591213" hR="1591213" stAng="1578878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701904E-09E5-4D83-94C9-7F33BF1F8AC5}">
      <dsp:nvSpPr>
        <dsp:cNvPr id="0" name=""/>
        <dsp:cNvSpPr/>
      </dsp:nvSpPr>
      <dsp:spPr>
        <a:xfrm>
          <a:off x="2479360" y="3184454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Mathematical Analysis</a:t>
          </a:r>
        </a:p>
      </dsp:txBody>
      <dsp:txXfrm>
        <a:off x="2526353" y="3231447"/>
        <a:ext cx="1387027" cy="868672"/>
      </dsp:txXfrm>
    </dsp:sp>
    <dsp:sp modelId="{1735AABA-B181-4720-9A81-9D5440D146AE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646027" y="2871285"/>
              </a:moveTo>
              <a:arcTo wR="1591213" hR="1591213" stAng="7586496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A7182DE-3E0E-4EB6-B898-6C6BDF7B6563}">
      <dsp:nvSpPr>
        <dsp:cNvPr id="0" name=""/>
        <dsp:cNvSpPr/>
      </dsp:nvSpPr>
      <dsp:spPr>
        <a:xfrm>
          <a:off x="888147" y="1593241"/>
          <a:ext cx="1481013" cy="962658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contourW="19050" prstMaterial="metal">
          <a:bevelT w="88900" h="203200"/>
          <a:bevelB w="165100" h="254000"/>
        </a:sp3d>
      </dsp:spPr>
      <dsp:style>
        <a:lnRef idx="0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Computing</a:t>
          </a:r>
        </a:p>
      </dsp:txBody>
      <dsp:txXfrm>
        <a:off x="935140" y="1640234"/>
        <a:ext cx="1387027" cy="868672"/>
      </dsp:txXfrm>
    </dsp:sp>
    <dsp:sp modelId="{A43B9C61-8462-4D4C-9E7C-523F95B1E8AF}">
      <dsp:nvSpPr>
        <dsp:cNvPr id="0" name=""/>
        <dsp:cNvSpPr/>
      </dsp:nvSpPr>
      <dsp:spPr>
        <a:xfrm>
          <a:off x="1628653" y="483356"/>
          <a:ext cx="3182427" cy="3182427"/>
        </a:xfrm>
        <a:custGeom>
          <a:avLst/>
          <a:gdLst/>
          <a:ahLst/>
          <a:cxnLst/>
          <a:rect l="0" t="0" r="0" b="0"/>
          <a:pathLst>
            <a:path>
              <a:moveTo>
                <a:pt x="164892" y="885828"/>
              </a:moveTo>
              <a:arcTo wR="1591213" hR="1591213" stAng="12378878" swAng="1634626"/>
            </a:path>
          </a:pathLst>
        </a:custGeom>
        <a:noFill/>
        <a:ln w="9525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tailEnd type="arrow"/>
        </a:ln>
        <a:effectLst/>
        <a:scene3d>
          <a:camera prst="orthographicFront">
            <a:rot lat="0" lon="0" rev="0"/>
          </a:camera>
          <a:lightRig rig="contrasting" dir="t">
            <a:rot lat="0" lon="0" rev="1200000"/>
          </a:lightRig>
        </a:scene3d>
        <a:sp3d z="-110000"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5">
  <dgm:title val=""/>
  <dgm:desc val=""/>
  <dgm:catLst>
    <dgm:cat type="cycle" pri="3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hoose name="Name9">
      <dgm:if name="Name10" func="var" arg="dir" op="equ" val="norm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op="equ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if>
      <dgm:else name="Name11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fact="-1"/>
          <dgm:constr type="diam" for="ch" refType="diam" op="equ" fact="-1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else>
    </dgm:choose>
    <dgm:ruleLst/>
    <dgm:forEach name="Name12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/>
        </dgm:shape>
        <dgm:presOf axis="desOrSelf" ptType="node"/>
        <dgm:constrLst>
          <dgm:constr type="h" refType="w" fact="0.6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13">
        <dgm:if name="Name14" axis="par ch" ptType="doc node" func="cnt" op="gt" val="1">
          <dgm:layoutNode name="spNode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  <dgm:forEach name="Name15" axis="followSib" ptType="sibTrans" hideLastTrans="0" cnt="1">
            <dgm:layoutNode name="sibTrans">
              <dgm:alg type="conn">
                <dgm:param type="dim" val="1D"/>
                <dgm:param type="connRout" val="curve"/>
                <dgm:param type="begPts" val="radial"/>
                <dgm:param type="endPts" val="radial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connDist"/>
                <dgm:constr type="begPad" refType="connDist" fact="0.2"/>
                <dgm:constr type="endPad" refType="connDist" fact="0.2"/>
              </dgm:constrLst>
              <dgm:ruleLst/>
            </dgm:layoutNode>
          </dgm:forEach>
        </dgm:if>
        <dgm:else name="Name16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cycle5">
  <dgm:title val=""/>
  <dgm:desc val=""/>
  <dgm:catLst>
    <dgm:cat type="cycle" pri="3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hoose name="Name9">
      <dgm:if name="Name10" func="var" arg="dir" op="equ" val="norm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op="equ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if>
      <dgm:else name="Name11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fact="-1"/>
          <dgm:constr type="diam" for="ch" refType="diam" op="equ" fact="-1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else>
    </dgm:choose>
    <dgm:ruleLst/>
    <dgm:forEach name="Name12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/>
        </dgm:shape>
        <dgm:presOf axis="desOrSelf" ptType="node"/>
        <dgm:constrLst>
          <dgm:constr type="h" refType="w" fact="0.6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13">
        <dgm:if name="Name14" axis="par ch" ptType="doc node" func="cnt" op="gt" val="1">
          <dgm:layoutNode name="spNode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  <dgm:forEach name="Name15" axis="followSib" ptType="sibTrans" hideLastTrans="0" cnt="1">
            <dgm:layoutNode name="sibTrans">
              <dgm:alg type="conn">
                <dgm:param type="dim" val="1D"/>
                <dgm:param type="connRout" val="curve"/>
                <dgm:param type="begPts" val="radial"/>
                <dgm:param type="endPts" val="radial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connDist"/>
                <dgm:constr type="begPad" refType="connDist" fact="0.2"/>
                <dgm:constr type="endPad" refType="connDist" fact="0.2"/>
              </dgm:constrLst>
              <dgm:ruleLst/>
            </dgm:layoutNode>
          </dgm:forEach>
        </dgm:if>
        <dgm:else name="Name16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3d3">
  <dgm:title val=""/>
  <dgm:desc val=""/>
  <dgm:catLst>
    <dgm:cat type="3D" pri="11300"/>
  </dgm:catLst>
  <dgm:scene3d>
    <a:camera prst="orthographicFront"/>
    <a:lightRig rig="threePt" dir="t"/>
  </dgm:scene3d>
  <dgm:styleLbl name="node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clear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182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>
        <a:rot lat="0" lon="0" rev="0"/>
      </a:camera>
      <a:lightRig rig="contrasting" dir="t">
        <a:rot lat="0" lon="0" rev="1200000"/>
      </a:lightRig>
    </dgm:scene3d>
    <dgm:sp3d z="10000"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>
        <a:rot lat="0" lon="0" rev="0"/>
      </a:camera>
      <a:lightRig rig="contrasting" dir="t">
        <a:rot lat="0" lon="0" rev="1200000"/>
      </a:lightRig>
    </dgm:scene3d>
    <dgm:sp3d z="-300000" prstMaterial="plastic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00800" h="1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>
        <a:rot lat="0" lon="0" rev="0"/>
      </a:camera>
      <a:lightRig rig="contrasting" dir="t">
        <a:rot lat="0" lon="0" rev="1200000"/>
      </a:lightRig>
    </dgm:scene3d>
    <dgm:sp3d z="-152400" prstMaterial="matte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3d3">
  <dgm:title val=""/>
  <dgm:desc val=""/>
  <dgm:catLst>
    <dgm:cat type="3D" pri="11300"/>
  </dgm:catLst>
  <dgm:scene3d>
    <a:camera prst="orthographicFront"/>
    <a:lightRig rig="threePt" dir="t"/>
  </dgm:scene3d>
  <dgm:styleLbl name="node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clear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182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ibTrans2D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>
        <a:rot lat="0" lon="0" rev="0"/>
      </a:camera>
      <a:lightRig rig="contrasting" dir="t">
        <a:rot lat="0" lon="0" rev="1200000"/>
      </a:lightRig>
    </dgm:scene3d>
    <dgm:sp3d z="10000"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2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3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2D4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parChTrans1D1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>
        <a:rot lat="0" lon="0" rev="0"/>
      </a:camera>
      <a:lightRig rig="contrasting" dir="t">
        <a:rot lat="0" lon="0" rev="1200000"/>
      </a:lightRig>
    </dgm:scene3d>
    <dgm:sp3d z="-110000"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2700" prstMaterial="flat">
      <a:bevelT w="177800" h="2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>
        <a:rot lat="0" lon="0" rev="0"/>
      </a:camera>
      <a:lightRig rig="contrasting" dir="t">
        <a:rot lat="0" lon="0" rev="1200000"/>
      </a:lightRig>
    </dgm:scene3d>
    <dgm:sp3d z="-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>
        <a:rot lat="0" lon="0" rev="0"/>
      </a:camera>
      <a:lightRig rig="contrasting" dir="t">
        <a:rot lat="0" lon="0" rev="1200000"/>
      </a:lightRig>
    </dgm:scene3d>
    <dgm:sp3d z="-300000" prstMaterial="plastic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>
        <a:rot lat="0" lon="0" rev="0"/>
      </a:camera>
      <a:lightRig rig="contrasting" dir="t">
        <a:rot lat="0" lon="0" rev="1200000"/>
      </a:lightRig>
    </dgm:scene3d>
    <dgm:sp3d contourW="12700" prstMaterial="flat">
      <a:bevelT w="100800" h="154000"/>
      <a:bevelB w="1524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>
        <a:rot lat="0" lon="0" rev="0"/>
      </a:camera>
      <a:lightRig rig="contrasting" dir="t">
        <a:rot lat="0" lon="0" rev="1200000"/>
      </a:lightRig>
    </dgm:scene3d>
    <dgm:sp3d z="-152400" prstMaterial="matte"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>
        <a:rot lat="0" lon="0" rev="0"/>
      </a:camera>
      <a:lightRig rig="contrasting" dir="t">
        <a:rot lat="0" lon="0" rev="1200000"/>
      </a:lightRig>
    </dgm:scene3d>
    <dgm:sp3d z="300000" contourW="19050" prstMaterial="metal">
      <a:bevelT w="88900" h="203200"/>
      <a:bevelB w="165100" h="254000"/>
    </dgm:sp3d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novonordiskfonden.dk/grant/efteruddannelsespulje2025-26/" TargetMode="External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itcamp.dtu.dk/" TargetMode="External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2.xml"/><Relationship Id="rId3" Type="http://schemas.openxmlformats.org/officeDocument/2006/relationships/diagramLayout" Target="../diagrams/layout1.xml"/><Relationship Id="rId7" Type="http://schemas.openxmlformats.org/officeDocument/2006/relationships/diagramData" Target="../diagrams/data2.xml"/><Relationship Id="rId12" Type="http://schemas.openxmlformats.org/officeDocument/2006/relationships/image" Target="../media/image6.jpeg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5.xml"/><Relationship Id="rId6" Type="http://schemas.microsoft.com/office/2007/relationships/diagramDrawing" Target="../diagrams/drawing1.xml"/><Relationship Id="rId11" Type="http://schemas.microsoft.com/office/2007/relationships/diagramDrawing" Target="../diagrams/drawing2.xml"/><Relationship Id="rId5" Type="http://schemas.openxmlformats.org/officeDocument/2006/relationships/diagramColors" Target="../diagrams/colors1.xml"/><Relationship Id="rId10" Type="http://schemas.openxmlformats.org/officeDocument/2006/relationships/diagramColors" Target="../diagrams/colors2.xml"/><Relationship Id="rId4" Type="http://schemas.openxmlformats.org/officeDocument/2006/relationships/diagramQuickStyle" Target="../diagrams/quickStyle1.xml"/><Relationship Id="rId9" Type="http://schemas.openxmlformats.org/officeDocument/2006/relationships/diagramQuickStyle" Target="../diagrams/quickStyle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3DB21E-8997-FE5A-1EC7-D57B3C15BE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Process</a:t>
            </a:r>
            <a:endParaRPr lang="da-DK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199B567D-B8D7-FE83-FB5D-6FE3AD87FFB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566814" y="1844824"/>
            <a:ext cx="7506748" cy="3305636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825F6A-70CD-A1C2-5A12-DB196CA609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72C9F5C-1127-9492-FD50-968438055F64}"/>
              </a:ext>
            </a:extLst>
          </p:cNvPr>
          <p:cNvSpPr txBox="1"/>
          <p:nvPr/>
        </p:nvSpPr>
        <p:spPr>
          <a:xfrm>
            <a:off x="4298661" y="1283279"/>
            <a:ext cx="6094562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hlinkClick r:id="rId3"/>
              </a:rPr>
              <a:t>Efteruddannelsespulje 2025/26 - Novo Nordisk Fonden</a:t>
            </a:r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5C1D36A-CB92-7743-313B-83EAC20370FD}"/>
              </a:ext>
            </a:extLst>
          </p:cNvPr>
          <p:cNvSpPr txBox="1"/>
          <p:nvPr/>
        </p:nvSpPr>
        <p:spPr>
          <a:xfrm>
            <a:off x="2494806" y="5007694"/>
            <a:ext cx="6094562" cy="169277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endParaRPr lang="da-DK" dirty="0"/>
          </a:p>
          <a:p>
            <a:r>
              <a:rPr lang="da-DK" dirty="0"/>
              <a:t>Novo Nordisk Fonden betaler kursusudgift, kursusdage og udviklingsdage. Frist 9/10-24</a:t>
            </a:r>
          </a:p>
          <a:p>
            <a:r>
              <a:rPr lang="da-DK" dirty="0"/>
              <a:t>Tilmelding til kurset 15/5-25, start 2025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6714724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EE325D6-C151-0C91-2F0E-A7CDCF28D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A270416-5A78-6884-D2D2-B1490E41A72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9490" y="1484784"/>
            <a:ext cx="14312046" cy="4078934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A9111C-9348-51F6-FE59-4FAFF3D7DC7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DB4C469-DFF6-6EA3-98EA-21A59A040F8D}"/>
              </a:ext>
            </a:extLst>
          </p:cNvPr>
          <p:cNvSpPr txBox="1"/>
          <p:nvPr/>
        </p:nvSpPr>
        <p:spPr>
          <a:xfrm>
            <a:off x="9263558" y="5949280"/>
            <a:ext cx="3529797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hlinkClick r:id="rId3"/>
              </a:rPr>
              <a:t>https://itcamp.dtu.dk/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34790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AF88B5F1-AE60-9FAF-6FB1-EA3C4ABDD95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8542" y="116632"/>
            <a:ext cx="6634444" cy="2952328"/>
          </a:xfr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3CDA19-1CF1-18F0-64B5-9CFD3339FAF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0D21192-0C55-4708-2F91-4350AA4D1D6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99462" y="764704"/>
            <a:ext cx="2640148" cy="146285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E5E5AC3-ED10-F990-6926-6743825990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35166" y="3103889"/>
            <a:ext cx="6311325" cy="266429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84A17F8-E432-A1A4-579B-D9CFD382F1F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8542" y="5877272"/>
            <a:ext cx="7488833" cy="5760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16012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689192" cy="2706458"/>
          </a:xfrm>
        </p:spPr>
        <p:txBody>
          <a:bodyPr/>
          <a:lstStyle/>
          <a:p>
            <a:r>
              <a:rPr lang="en-GB" dirty="0"/>
              <a:t>Bridging the gap</a:t>
            </a:r>
            <a:br>
              <a:rPr lang="en-GB" dirty="0"/>
            </a:br>
            <a:r>
              <a:rPr lang="en-GB" sz="4000" dirty="0"/>
              <a:t>Kim Knudsen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 </a:t>
            </a:r>
            <a:r>
              <a:rPr lang="en-GB" dirty="0" err="1"/>
              <a:t>Efteruddannelseskursus</a:t>
            </a:r>
            <a:r>
              <a:rPr lang="en-GB" dirty="0"/>
              <a:t> – </a:t>
            </a:r>
            <a:r>
              <a:rPr lang="en-GB" dirty="0" err="1"/>
              <a:t>InterMat</a:t>
            </a:r>
            <a:r>
              <a:rPr lang="en-GB" dirty="0"/>
              <a:t> 2.0?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09B2DD-F710-2F32-287B-6DB080309D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CDDDD0E4-3DA7-4CC4-74FE-56DDC64F06D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159102" y="3323769"/>
            <a:ext cx="6943252" cy="3108104"/>
          </a:xfrm>
        </p:spPr>
      </p:pic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C1B148EF-4118-DC56-A7CF-25691979413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CEE35DCC-2858-CF64-9541-878C8B6B844B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40663A2-4A3E-AD48-822F-2A5D04A21E4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29289EC-5A39-5107-77EF-0CCBD6950E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06582" y="112791"/>
            <a:ext cx="7855192" cy="33162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125535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erson with a ponytail&#10;&#10;Description automatically generated">
            <a:extLst>
              <a:ext uri="{FF2B5EF4-FFF2-40B4-BE49-F238E27FC236}">
                <a16:creationId xmlns:a16="http://schemas.microsoft.com/office/drawing/2014/main" id="{DA38D664-A110-C82E-E48C-2F801717D2C3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5329" r="24458"/>
          <a:stretch/>
        </p:blipFill>
        <p:spPr>
          <a:xfrm>
            <a:off x="20" y="10"/>
            <a:ext cx="12190393" cy="6857990"/>
          </a:xfrm>
          <a:prstGeom prst="rect">
            <a:avLst/>
          </a:prstGeom>
          <a:noFill/>
        </p:spPr>
      </p:pic>
      <p:sp>
        <p:nvSpPr>
          <p:cNvPr id="4" name="Slide Number Placeholder 3" hidden="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E4B7C2F9-3070-667B-1227-C10A7117BDB9}"/>
              </a:ext>
            </a:extLst>
          </p:cNvPr>
          <p:cNvSpPr txBox="1"/>
          <p:nvPr/>
        </p:nvSpPr>
        <p:spPr>
          <a:xfrm>
            <a:off x="6959302" y="5085184"/>
            <a:ext cx="5832648" cy="14362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>
                <a:solidFill>
                  <a:schemeClr val="bg1"/>
                </a:solidFill>
                <a:latin typeface="+mn-lt"/>
              </a:rPr>
              <a:t>Polyteknisk grundlag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Matematik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Programmering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Statistik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Fysik, Kemi, Bio…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2C0990-CA20-F594-83E8-0EA68B24D6D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001000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TU Compute</a:t>
            </a:r>
            <a:br>
              <a:rPr lang="da-DK" dirty="0"/>
            </a:br>
            <a:r>
              <a:rPr lang="da-DK" dirty="0"/>
              <a:t>Matematik og Computer Scien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DE03D14-33CD-1A2B-9FB7-2C147F39153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 wrap="square" anchor="t">
            <a:normAutofit/>
          </a:bodyPr>
          <a:lstStyle/>
          <a:p>
            <a:pPr marL="0" indent="0">
              <a:buNone/>
            </a:pPr>
            <a:r>
              <a:rPr lang="en-US" dirty="0"/>
              <a:t>BSc-</a:t>
            </a:r>
            <a:r>
              <a:rPr lang="en-US" dirty="0" err="1"/>
              <a:t>uddannelser</a:t>
            </a:r>
            <a:endParaRPr lang="en-US" dirty="0"/>
          </a:p>
          <a:p>
            <a:pPr>
              <a:buFontTx/>
              <a:buChar char="-"/>
            </a:pPr>
            <a:r>
              <a:rPr lang="en-US" dirty="0" err="1"/>
              <a:t>Matematik</a:t>
            </a:r>
            <a:r>
              <a:rPr lang="en-US" dirty="0"/>
              <a:t> og </a:t>
            </a:r>
            <a:r>
              <a:rPr lang="en-US" dirty="0" err="1"/>
              <a:t>Teknologi</a:t>
            </a:r>
            <a:endParaRPr lang="en-US" dirty="0"/>
          </a:p>
          <a:p>
            <a:pPr>
              <a:buFontTx/>
              <a:buChar char="-"/>
            </a:pPr>
            <a:r>
              <a:rPr lang="en-US" dirty="0" err="1"/>
              <a:t>Kunstig</a:t>
            </a:r>
            <a:r>
              <a:rPr lang="en-US" dirty="0"/>
              <a:t> </a:t>
            </a:r>
            <a:r>
              <a:rPr lang="en-US" dirty="0" err="1"/>
              <a:t>Intelligens</a:t>
            </a:r>
            <a:r>
              <a:rPr lang="en-US" dirty="0"/>
              <a:t> og Data</a:t>
            </a:r>
          </a:p>
          <a:p>
            <a:pPr>
              <a:buFontTx/>
              <a:buChar char="-"/>
            </a:pPr>
            <a:r>
              <a:rPr lang="en-US" dirty="0" err="1"/>
              <a:t>Softwareteknologi</a:t>
            </a:r>
            <a:endParaRPr lang="en-US" dirty="0"/>
          </a:p>
          <a:p>
            <a:pPr>
              <a:buFontTx/>
              <a:buChar char="-"/>
            </a:pPr>
            <a:r>
              <a:rPr lang="en-US" dirty="0"/>
              <a:t>Computer Engineering </a:t>
            </a:r>
          </a:p>
          <a:p>
            <a:pPr>
              <a:buFontTx/>
              <a:buChar char="-"/>
            </a:pPr>
            <a:endParaRPr lang="en-US" dirty="0"/>
          </a:p>
          <a:p>
            <a:pPr marL="0" indent="0">
              <a:buNone/>
            </a:pPr>
            <a:r>
              <a:rPr lang="en-US" dirty="0" err="1"/>
              <a:t>Matematik-fokus</a:t>
            </a:r>
            <a:endParaRPr lang="en-US" dirty="0"/>
          </a:p>
          <a:p>
            <a:pPr>
              <a:buFontTx/>
              <a:buChar char="-"/>
            </a:pPr>
            <a:r>
              <a:rPr lang="en-US" dirty="0"/>
              <a:t>Computational Thinking</a:t>
            </a:r>
          </a:p>
          <a:p>
            <a:pPr>
              <a:buFontTx/>
              <a:buChar char="-"/>
            </a:pPr>
            <a:r>
              <a:rPr lang="en-US" dirty="0" err="1"/>
              <a:t>Modellering</a:t>
            </a:r>
            <a:endParaRPr lang="en-US" dirty="0"/>
          </a:p>
          <a:p>
            <a:pPr>
              <a:buFontTx/>
              <a:buChar char="-"/>
            </a:pPr>
            <a:r>
              <a:rPr lang="en-US" dirty="0" err="1"/>
              <a:t>Involvering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IT</a:t>
            </a:r>
          </a:p>
          <a:p>
            <a:pPr>
              <a:buFontTx/>
              <a:buChar char="-"/>
            </a:pPr>
            <a:r>
              <a:rPr lang="da-DK" dirty="0"/>
              <a:t>Kreativ og eksperimenterende tilgang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AI i undervisning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344D0F-5F31-C95D-5A33-955284D945AB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5587"/>
          <a:stretch/>
        </p:blipFill>
        <p:spPr>
          <a:xfrm>
            <a:off x="6275226" y="1706328"/>
            <a:ext cx="5616388" cy="3646461"/>
          </a:xfrm>
          <a:prstGeom prst="rect">
            <a:avLst/>
          </a:prstGeom>
          <a:noFill/>
          <a:ln cmpd="sng">
            <a:solidFill>
              <a:schemeClr val="accent1"/>
            </a:solidFill>
          </a:ln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AC6D03-4309-C07F-8FCF-C2EB4074380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71A53A1-A828-4D34-612C-C773FEB015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8542" y="5000154"/>
            <a:ext cx="1314569" cy="131456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991666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AE976E-A131-53C8-461F-66B06BFE3C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putational</a:t>
            </a:r>
            <a:r>
              <a:rPr lang="da-DK" dirty="0"/>
              <a:t> </a:t>
            </a:r>
            <a:r>
              <a:rPr lang="da-DK" dirty="0" err="1"/>
              <a:t>thinking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B54BD19-C653-15F8-338D-F557E6B6D0B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1DA8CD6B-FBF1-B086-E7FE-F1D53A3BA25C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574778749"/>
              </p:ext>
            </p:extLst>
          </p:nvPr>
        </p:nvGraphicFramePr>
        <p:xfrm>
          <a:off x="2031735" y="1988840"/>
          <a:ext cx="6439735" cy="414914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Oval 7">
            <a:extLst>
              <a:ext uri="{FF2B5EF4-FFF2-40B4-BE49-F238E27FC236}">
                <a16:creationId xmlns:a16="http://schemas.microsoft.com/office/drawing/2014/main" id="{D3F0E139-271C-897F-FCDC-6CFF96FF5874}"/>
              </a:ext>
            </a:extLst>
          </p:cNvPr>
          <p:cNvSpPr/>
          <p:nvPr/>
        </p:nvSpPr>
        <p:spPr>
          <a:xfrm>
            <a:off x="2350352" y="2686956"/>
            <a:ext cx="5802497" cy="3527820"/>
          </a:xfrm>
          <a:prstGeom prst="ellipse">
            <a:avLst/>
          </a:prstGeom>
          <a:solidFill>
            <a:schemeClr val="accent6">
              <a:lumMod val="20000"/>
              <a:lumOff val="8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aphicFrame>
        <p:nvGraphicFramePr>
          <p:cNvPr id="9" name="Diagram 8">
            <a:extLst>
              <a:ext uri="{FF2B5EF4-FFF2-40B4-BE49-F238E27FC236}">
                <a16:creationId xmlns:a16="http://schemas.microsoft.com/office/drawing/2014/main" id="{7436CB60-240A-0B76-48A1-08793223D068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662875386"/>
              </p:ext>
            </p:extLst>
          </p:nvPr>
        </p:nvGraphicFramePr>
        <p:xfrm>
          <a:off x="2031735" y="1988840"/>
          <a:ext cx="6439735" cy="414914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  <p:sp>
        <p:nvSpPr>
          <p:cNvPr id="13" name="TextBox 12">
            <a:extLst>
              <a:ext uri="{FF2B5EF4-FFF2-40B4-BE49-F238E27FC236}">
                <a16:creationId xmlns:a16="http://schemas.microsoft.com/office/drawing/2014/main" id="{48933943-F216-CDF8-7121-35B35E55F38C}"/>
              </a:ext>
            </a:extLst>
          </p:cNvPr>
          <p:cNvSpPr txBox="1"/>
          <p:nvPr/>
        </p:nvSpPr>
        <p:spPr>
          <a:xfrm>
            <a:off x="9335566" y="4999208"/>
            <a:ext cx="3528392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400" dirty="0" err="1">
                <a:latin typeface="+mn-lt"/>
              </a:rPr>
              <a:t>Papert</a:t>
            </a:r>
            <a:r>
              <a:rPr lang="da-DK" sz="1400" dirty="0">
                <a:latin typeface="+mn-lt"/>
              </a:rPr>
              <a:t> 1980</a:t>
            </a:r>
          </a:p>
          <a:p>
            <a:pPr algn="l">
              <a:spcBef>
                <a:spcPts val="432"/>
              </a:spcBef>
            </a:pPr>
            <a:r>
              <a:rPr lang="da-DK" sz="1400" dirty="0">
                <a:latin typeface="+mn-lt"/>
              </a:rPr>
              <a:t>Wing 2006</a:t>
            </a:r>
          </a:p>
          <a:p>
            <a:pPr algn="l">
              <a:spcBef>
                <a:spcPts val="432"/>
              </a:spcBef>
            </a:pPr>
            <a:r>
              <a:rPr lang="da-DK" sz="1400" dirty="0">
                <a:latin typeface="+mn-lt"/>
              </a:rPr>
              <a:t>Caspersen &amp; Nowack 2013</a:t>
            </a:r>
          </a:p>
          <a:p>
            <a:pPr algn="l">
              <a:spcBef>
                <a:spcPts val="432"/>
              </a:spcBef>
            </a:pPr>
            <a:r>
              <a:rPr lang="da-DK" sz="1400" dirty="0">
                <a:latin typeface="+mn-lt"/>
              </a:rPr>
              <a:t>Musaeus &amp; Hansen 2023</a:t>
            </a:r>
          </a:p>
        </p:txBody>
      </p:sp>
      <p:pic>
        <p:nvPicPr>
          <p:cNvPr id="2050" name="Picture 2" descr="45 Danish offshore wind turbines part of massive expansion of wind ...">
            <a:extLst>
              <a:ext uri="{FF2B5EF4-FFF2-40B4-BE49-F238E27FC236}">
                <a16:creationId xmlns:a16="http://schemas.microsoft.com/office/drawing/2014/main" id="{15571185-B1DB-5B26-859F-870BC92A915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27254" y="1577210"/>
            <a:ext cx="1773334" cy="9727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0D3AC6C5-E8E1-0A33-8576-11F82E51E220}"/>
              </a:ext>
            </a:extLst>
          </p:cNvPr>
          <p:cNvSpPr txBox="1"/>
          <p:nvPr/>
        </p:nvSpPr>
        <p:spPr>
          <a:xfrm>
            <a:off x="8474344" y="2678329"/>
            <a:ext cx="3424664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Engineering, computermodeller og teknologiforståelse (2022)</a:t>
            </a:r>
          </a:p>
        </p:txBody>
      </p: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0B2C7648-35D7-F06B-6F98-E164A0051803}"/>
              </a:ext>
            </a:extLst>
          </p:cNvPr>
          <p:cNvCxnSpPr/>
          <p:nvPr/>
        </p:nvCxnSpPr>
        <p:spPr bwMode="auto">
          <a:xfrm>
            <a:off x="4588235" y="3933056"/>
            <a:ext cx="132673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CB73DBAC-2230-13B8-D99B-97F79C2DF555}"/>
              </a:ext>
            </a:extLst>
          </p:cNvPr>
          <p:cNvCxnSpPr/>
          <p:nvPr/>
        </p:nvCxnSpPr>
        <p:spPr bwMode="auto">
          <a:xfrm flipH="1">
            <a:off x="4588235" y="4173834"/>
            <a:ext cx="1326732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D13FB7B5-23CB-581C-40B0-C00CC9CD37A1}"/>
              </a:ext>
            </a:extLst>
          </p:cNvPr>
          <p:cNvSpPr txBox="1"/>
          <p:nvPr/>
        </p:nvSpPr>
        <p:spPr>
          <a:xfrm>
            <a:off x="1615415" y="3688954"/>
            <a:ext cx="1656184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Use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Modify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reate</a:t>
            </a:r>
            <a:endParaRPr lang="da-DK" dirty="0">
              <a:latin typeface="+mn-lt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B218EFA1-0F9B-DA15-4888-41DEECC28A4E}"/>
              </a:ext>
            </a:extLst>
          </p:cNvPr>
          <p:cNvSpPr txBox="1"/>
          <p:nvPr/>
        </p:nvSpPr>
        <p:spPr>
          <a:xfrm>
            <a:off x="9006209" y="1275732"/>
            <a:ext cx="28189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Content – </a:t>
            </a:r>
            <a:r>
              <a:rPr lang="da-DK" dirty="0" err="1">
                <a:latin typeface="+mn-lt"/>
              </a:rPr>
              <a:t>Modelling</a:t>
            </a:r>
            <a:r>
              <a:rPr lang="da-DK" dirty="0">
                <a:latin typeface="+mn-lt"/>
              </a:rPr>
              <a:t> – </a:t>
            </a:r>
            <a:r>
              <a:rPr lang="da-DK" dirty="0" err="1">
                <a:latin typeface="+mn-lt"/>
              </a:rPr>
              <a:t>Coding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4855259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E0F02D0-C485-77B2-3D0B-9EEEAF02EC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mputational</a:t>
            </a:r>
            <a:r>
              <a:rPr lang="da-DK" dirty="0"/>
              <a:t> </a:t>
            </a:r>
            <a:r>
              <a:rPr lang="da-DK" dirty="0" err="1"/>
              <a:t>thinking</a:t>
            </a:r>
            <a:r>
              <a:rPr lang="da-DK" dirty="0"/>
              <a:t> og Matematik E2025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997D082-398F-B393-8088-A95435DEC7C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Efteruddannelse for gymnasielærere støttet NNF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Fem spredte kursusdage</a:t>
            </a:r>
          </a:p>
          <a:p>
            <a:pPr lvl="1"/>
            <a:r>
              <a:rPr lang="da-DK" dirty="0"/>
              <a:t>Matematisk fordybelse i lys af </a:t>
            </a:r>
            <a:r>
              <a:rPr lang="da-DK" dirty="0" err="1"/>
              <a:t>Computational</a:t>
            </a:r>
            <a:r>
              <a:rPr lang="da-DK" dirty="0"/>
              <a:t> </a:t>
            </a:r>
            <a:r>
              <a:rPr lang="da-DK" dirty="0" err="1"/>
              <a:t>Thinking</a:t>
            </a:r>
            <a:endParaRPr lang="da-DK" dirty="0"/>
          </a:p>
          <a:p>
            <a:pPr lvl="1"/>
            <a:r>
              <a:rPr lang="da-DK" dirty="0"/>
              <a:t>Undervisningspakker til direkte brug i Mat A</a:t>
            </a:r>
          </a:p>
          <a:p>
            <a:pPr lvl="1"/>
            <a:r>
              <a:rPr lang="da-DK" dirty="0"/>
              <a:t>Python-programmering (</a:t>
            </a:r>
            <a:r>
              <a:rPr lang="da-DK" dirty="0" err="1"/>
              <a:t>Jupyter</a:t>
            </a:r>
            <a:r>
              <a:rPr lang="da-DK" dirty="0"/>
              <a:t> notebooks)</a:t>
            </a:r>
          </a:p>
          <a:p>
            <a:pPr lvl="1"/>
            <a:r>
              <a:rPr lang="da-DK" dirty="0"/>
              <a:t>Videnskabelige foredrag </a:t>
            </a:r>
          </a:p>
          <a:p>
            <a:pPr marL="216000" lvl="1" indent="0">
              <a:buNone/>
            </a:pPr>
            <a:endParaRPr lang="da-DK" dirty="0"/>
          </a:p>
          <a:p>
            <a:r>
              <a:rPr lang="da-DK" dirty="0"/>
              <a:t>Tid til afprøvning på gymnasium</a:t>
            </a:r>
          </a:p>
          <a:p>
            <a:endParaRPr lang="da-DK" dirty="0"/>
          </a:p>
          <a:p>
            <a:r>
              <a:rPr lang="da-DK" dirty="0"/>
              <a:t>Projektdag på DTU for gymnasieelever – inspiration til SOP/SRP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53FA44-F173-7BD2-EB7C-E070CA8E48F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1026" name="Picture 2" descr="python™">
            <a:extLst>
              <a:ext uri="{FF2B5EF4-FFF2-40B4-BE49-F238E27FC236}">
                <a16:creationId xmlns:a16="http://schemas.microsoft.com/office/drawing/2014/main" id="{298BF33A-ABDF-1CDF-63F1-D55928048D9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35772" y="2997073"/>
            <a:ext cx="2762250" cy="7810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ACC91403-6419-4638-7E35-5856F927F93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608947" y="1689770"/>
            <a:ext cx="3299996" cy="6480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921539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8A2ACC4-98F4-2019-D4BB-24C946B492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truktu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E5A978D-FA4F-8C2C-627D-5D507D26846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D860DCD3-C97F-9CA9-4A51-9CFB94281DB8}"/>
              </a:ext>
            </a:extLst>
          </p:cNvPr>
          <p:cNvSpPr/>
          <p:nvPr/>
        </p:nvSpPr>
        <p:spPr bwMode="auto">
          <a:xfrm>
            <a:off x="529411" y="4673158"/>
            <a:ext cx="11305256" cy="1246336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4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24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atematik A, 3g</a:t>
            </a:r>
          </a:p>
        </p:txBody>
      </p:sp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FAFBD3E7-095A-F18A-5EC7-20D1CC2A55E2}"/>
              </a:ext>
            </a:extLst>
          </p:cNvPr>
          <p:cNvCxnSpPr/>
          <p:nvPr/>
        </p:nvCxnSpPr>
        <p:spPr bwMode="auto">
          <a:xfrm flipV="1">
            <a:off x="1634805" y="234579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495E9ACC-3C87-C901-D1B3-7F573E670E6E}"/>
              </a:ext>
            </a:extLst>
          </p:cNvPr>
          <p:cNvCxnSpPr/>
          <p:nvPr/>
        </p:nvCxnSpPr>
        <p:spPr bwMode="auto">
          <a:xfrm flipV="1">
            <a:off x="3434805" y="234579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2E975028-52B6-AB9A-A339-C984DA84CE79}"/>
              </a:ext>
            </a:extLst>
          </p:cNvPr>
          <p:cNvCxnSpPr/>
          <p:nvPr/>
        </p:nvCxnSpPr>
        <p:spPr bwMode="auto">
          <a:xfrm flipV="1">
            <a:off x="5234805" y="234579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657D8B21-4D38-D730-30FD-6515E9E67931}"/>
              </a:ext>
            </a:extLst>
          </p:cNvPr>
          <p:cNvCxnSpPr/>
          <p:nvPr/>
        </p:nvCxnSpPr>
        <p:spPr bwMode="auto">
          <a:xfrm flipV="1">
            <a:off x="7034805" y="234579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49EC18AF-087C-1BE2-1139-B9BF8CCDA8C4}"/>
              </a:ext>
            </a:extLst>
          </p:cNvPr>
          <p:cNvCxnSpPr/>
          <p:nvPr/>
        </p:nvCxnSpPr>
        <p:spPr bwMode="auto">
          <a:xfrm flipV="1">
            <a:off x="8834805" y="234579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DD9F2680-AB5B-8274-42AD-5AE2D247DD18}"/>
              </a:ext>
            </a:extLst>
          </p:cNvPr>
          <p:cNvCxnSpPr/>
          <p:nvPr/>
        </p:nvCxnSpPr>
        <p:spPr bwMode="auto">
          <a:xfrm>
            <a:off x="1304053" y="4572523"/>
            <a:ext cx="9810534" cy="1886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734712E4-F408-084D-54B2-E3420F74E07E}"/>
              </a:ext>
            </a:extLst>
          </p:cNvPr>
          <p:cNvSpPr txBox="1"/>
          <p:nvPr/>
        </p:nvSpPr>
        <p:spPr>
          <a:xfrm>
            <a:off x="1304053" y="2045614"/>
            <a:ext cx="9361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odul 1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785E32F-5E5B-152F-7F40-CB5E0D570817}"/>
              </a:ext>
            </a:extLst>
          </p:cNvPr>
          <p:cNvSpPr txBox="1"/>
          <p:nvPr/>
        </p:nvSpPr>
        <p:spPr>
          <a:xfrm>
            <a:off x="3028967" y="2059212"/>
            <a:ext cx="9361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odul 2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2405C8A5-D180-68B3-6CE1-17B9C4C52DF4}"/>
              </a:ext>
            </a:extLst>
          </p:cNvPr>
          <p:cNvSpPr txBox="1"/>
          <p:nvPr/>
        </p:nvSpPr>
        <p:spPr>
          <a:xfrm>
            <a:off x="4849820" y="2068942"/>
            <a:ext cx="9361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odul 3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3644494-1763-F275-E5AB-B1C84C03C5A6}"/>
              </a:ext>
            </a:extLst>
          </p:cNvPr>
          <p:cNvSpPr txBox="1"/>
          <p:nvPr/>
        </p:nvSpPr>
        <p:spPr>
          <a:xfrm>
            <a:off x="6599262" y="2060848"/>
            <a:ext cx="9361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odul 4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9182B13B-8A00-3DAD-9765-BD3CCDE179F7}"/>
              </a:ext>
            </a:extLst>
          </p:cNvPr>
          <p:cNvSpPr txBox="1"/>
          <p:nvPr/>
        </p:nvSpPr>
        <p:spPr>
          <a:xfrm>
            <a:off x="8366752" y="2068941"/>
            <a:ext cx="93610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Modul 5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F7FE5C4-0031-CF09-6953-611379D98DDA}"/>
              </a:ext>
            </a:extLst>
          </p:cNvPr>
          <p:cNvSpPr txBox="1"/>
          <p:nvPr/>
        </p:nvSpPr>
        <p:spPr>
          <a:xfrm>
            <a:off x="2048336" y="4732239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Afprøvning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74076D7C-0386-97DD-72B8-FE4514F2178B}"/>
              </a:ext>
            </a:extLst>
          </p:cNvPr>
          <p:cNvSpPr txBox="1"/>
          <p:nvPr/>
        </p:nvSpPr>
        <p:spPr>
          <a:xfrm>
            <a:off x="9218046" y="4732239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Afprøvning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F22132F9-365D-8FB1-9069-6543E264946B}"/>
              </a:ext>
            </a:extLst>
          </p:cNvPr>
          <p:cNvSpPr txBox="1"/>
          <p:nvPr/>
        </p:nvSpPr>
        <p:spPr>
          <a:xfrm>
            <a:off x="3734539" y="4732239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Afprøvning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D96798F0-1E4E-7337-459A-0321BBD7E389}"/>
              </a:ext>
            </a:extLst>
          </p:cNvPr>
          <p:cNvSpPr txBox="1"/>
          <p:nvPr/>
        </p:nvSpPr>
        <p:spPr>
          <a:xfrm>
            <a:off x="5687353" y="4732239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Afprøvning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20CD8E4-0FE7-D028-147D-4C7D162849AA}"/>
              </a:ext>
            </a:extLst>
          </p:cNvPr>
          <p:cNvSpPr txBox="1"/>
          <p:nvPr/>
        </p:nvSpPr>
        <p:spPr>
          <a:xfrm>
            <a:off x="7514187" y="4732239"/>
            <a:ext cx="122413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chemeClr val="bg1"/>
                </a:solidFill>
                <a:latin typeface="+mn-lt"/>
              </a:rPr>
              <a:t>Afprøvning</a:t>
            </a: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66373FD8-97F9-BE64-7B82-17C9E665001E}"/>
              </a:ext>
            </a:extLst>
          </p:cNvPr>
          <p:cNvCxnSpPr/>
          <p:nvPr/>
        </p:nvCxnSpPr>
        <p:spPr bwMode="auto">
          <a:xfrm flipV="1">
            <a:off x="10634805" y="2364655"/>
            <a:ext cx="0" cy="22267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93329505-AB01-54A8-4D61-FDDBAA12D5FB}"/>
              </a:ext>
            </a:extLst>
          </p:cNvPr>
          <p:cNvSpPr txBox="1"/>
          <p:nvPr/>
        </p:nvSpPr>
        <p:spPr>
          <a:xfrm>
            <a:off x="10116194" y="2068941"/>
            <a:ext cx="140415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rojektdag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55F3B82-0A09-7C03-960F-EEFA1AF5652D}"/>
              </a:ext>
            </a:extLst>
          </p:cNvPr>
          <p:cNvSpPr txBox="1"/>
          <p:nvPr/>
        </p:nvSpPr>
        <p:spPr>
          <a:xfrm>
            <a:off x="1702918" y="2409583"/>
            <a:ext cx="2000477" cy="17338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rætspil, opskrifter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og intro til </a:t>
            </a:r>
            <a:r>
              <a:rPr lang="da-DK" b="1" dirty="0">
                <a:latin typeface="+mn-lt"/>
              </a:rPr>
              <a:t>Python</a:t>
            </a:r>
            <a:r>
              <a:rPr lang="da-DK" dirty="0">
                <a:latin typeface="+mn-lt"/>
              </a:rPr>
              <a:t> 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akke 1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1205B8D7-7B42-1FE3-5801-79C30D31234E}"/>
              </a:ext>
            </a:extLst>
          </p:cNvPr>
          <p:cNvSpPr txBox="1"/>
          <p:nvPr/>
        </p:nvSpPr>
        <p:spPr>
          <a:xfrm>
            <a:off x="3502919" y="2417304"/>
            <a:ext cx="1463296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>
                <a:latin typeface="+mn-lt"/>
              </a:rPr>
              <a:t>Matrixalgebra</a:t>
            </a:r>
            <a:r>
              <a:rPr lang="da-DK" dirty="0">
                <a:latin typeface="+mn-lt"/>
              </a:rPr>
              <a:t> og beregning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akke 2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AB0C31FE-0D0E-238F-82FB-530BC47A5128}"/>
              </a:ext>
            </a:extLst>
          </p:cNvPr>
          <p:cNvSpPr txBox="1"/>
          <p:nvPr/>
        </p:nvSpPr>
        <p:spPr>
          <a:xfrm>
            <a:off x="5303119" y="2432735"/>
            <a:ext cx="1536951" cy="10874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b="1" dirty="0">
                <a:latin typeface="+mn-lt"/>
              </a:rPr>
              <a:t>Grafteori</a:t>
            </a:r>
            <a:r>
              <a:rPr lang="da-DK" dirty="0">
                <a:latin typeface="+mn-lt"/>
              </a:rPr>
              <a:t> og </a:t>
            </a:r>
            <a:br>
              <a:rPr lang="da-DK" dirty="0">
                <a:latin typeface="+mn-lt"/>
              </a:rPr>
            </a:br>
            <a:r>
              <a:rPr lang="da-DK" dirty="0">
                <a:latin typeface="+mn-lt"/>
              </a:rPr>
              <a:t>grafalgoritmer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9B5EBAC3-6730-87F3-B75F-02B8CDE20B34}"/>
              </a:ext>
            </a:extLst>
          </p:cNvPr>
          <p:cNvSpPr txBox="1"/>
          <p:nvPr/>
        </p:nvSpPr>
        <p:spPr>
          <a:xfrm>
            <a:off x="7258182" y="2432735"/>
            <a:ext cx="1358320" cy="10874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I og neurale netværk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4CD9AE07-FF23-AFB8-7665-67B2D70B6B64}"/>
              </a:ext>
            </a:extLst>
          </p:cNvPr>
          <p:cNvSpPr txBox="1"/>
          <p:nvPr/>
        </p:nvSpPr>
        <p:spPr>
          <a:xfrm>
            <a:off x="9058485" y="2429224"/>
            <a:ext cx="1358320" cy="12824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Sæbebobler med et </a:t>
            </a:r>
            <a:r>
              <a:rPr lang="da-DK" b="1" dirty="0">
                <a:latin typeface="+mn-lt"/>
              </a:rPr>
              <a:t>geometrisk</a:t>
            </a:r>
            <a:r>
              <a:rPr lang="da-DK" dirty="0">
                <a:latin typeface="+mn-lt"/>
              </a:rPr>
              <a:t> twist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4CEE8ABD-F2E1-54E4-41C3-C2F3E759F70F}"/>
              </a:ext>
            </a:extLst>
          </p:cNvPr>
          <p:cNvSpPr txBox="1"/>
          <p:nvPr/>
        </p:nvSpPr>
        <p:spPr>
          <a:xfrm>
            <a:off x="592649" y="4410132"/>
            <a:ext cx="1358320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E2025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dirty="0" err="1">
              <a:latin typeface="+mn-lt"/>
            </a:endParaRPr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17635D3A-D8D0-0991-1A30-5FFCD03D8205}"/>
              </a:ext>
            </a:extLst>
          </p:cNvPr>
          <p:cNvCxnSpPr/>
          <p:nvPr/>
        </p:nvCxnSpPr>
        <p:spPr bwMode="auto">
          <a:xfrm>
            <a:off x="2422798" y="3617823"/>
            <a:ext cx="0" cy="7923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Arrow Connector 37">
            <a:extLst>
              <a:ext uri="{FF2B5EF4-FFF2-40B4-BE49-F238E27FC236}">
                <a16:creationId xmlns:a16="http://schemas.microsoft.com/office/drawing/2014/main" id="{94BAF321-2A34-6767-6E71-DE34908DF996}"/>
              </a:ext>
            </a:extLst>
          </p:cNvPr>
          <p:cNvCxnSpPr/>
          <p:nvPr/>
        </p:nvCxnSpPr>
        <p:spPr bwMode="auto">
          <a:xfrm>
            <a:off x="4222998" y="3617823"/>
            <a:ext cx="0" cy="7923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0F86B261-EB3F-4BE4-66B0-5A9E692BC1A6}"/>
              </a:ext>
            </a:extLst>
          </p:cNvPr>
          <p:cNvCxnSpPr/>
          <p:nvPr/>
        </p:nvCxnSpPr>
        <p:spPr bwMode="auto">
          <a:xfrm>
            <a:off x="6091773" y="3617823"/>
            <a:ext cx="0" cy="7923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Straight Arrow Connector 39">
            <a:extLst>
              <a:ext uri="{FF2B5EF4-FFF2-40B4-BE49-F238E27FC236}">
                <a16:creationId xmlns:a16="http://schemas.microsoft.com/office/drawing/2014/main" id="{F20B2FCF-8575-A5EA-2EDC-3375D593FF23}"/>
              </a:ext>
            </a:extLst>
          </p:cNvPr>
          <p:cNvCxnSpPr/>
          <p:nvPr/>
        </p:nvCxnSpPr>
        <p:spPr bwMode="auto">
          <a:xfrm>
            <a:off x="7967414" y="3617823"/>
            <a:ext cx="0" cy="7923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Arrow Connector 40">
            <a:extLst>
              <a:ext uri="{FF2B5EF4-FFF2-40B4-BE49-F238E27FC236}">
                <a16:creationId xmlns:a16="http://schemas.microsoft.com/office/drawing/2014/main" id="{C0A72EE4-9CDE-F8DE-1424-838185B7DAFC}"/>
              </a:ext>
            </a:extLst>
          </p:cNvPr>
          <p:cNvCxnSpPr/>
          <p:nvPr/>
        </p:nvCxnSpPr>
        <p:spPr bwMode="auto">
          <a:xfrm>
            <a:off x="9623598" y="3617823"/>
            <a:ext cx="0" cy="79230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71741905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74D943-7A9C-33C8-11DE-282711C6C9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agligt indhol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C5C37BA-0D4E-65C0-54FC-C586721DACD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Elementer fra Mat1 og </a:t>
            </a:r>
            <a:r>
              <a:rPr lang="da-DK" dirty="0" err="1"/>
              <a:t>InterMat</a:t>
            </a:r>
            <a:endParaRPr lang="da-DK" dirty="0"/>
          </a:p>
          <a:p>
            <a:endParaRPr lang="da-DK" dirty="0"/>
          </a:p>
          <a:p>
            <a:r>
              <a:rPr lang="da-DK" dirty="0"/>
              <a:t>Diskret matematik, strukturer, grafer</a:t>
            </a:r>
          </a:p>
          <a:p>
            <a:endParaRPr lang="da-DK" dirty="0"/>
          </a:p>
          <a:p>
            <a:r>
              <a:rPr lang="da-DK" dirty="0"/>
              <a:t>Programmering, programudfoldning i Python</a:t>
            </a:r>
          </a:p>
          <a:p>
            <a:endParaRPr lang="da-DK" dirty="0"/>
          </a:p>
          <a:p>
            <a:r>
              <a:rPr lang="da-DK" dirty="0"/>
              <a:t>Modellering</a:t>
            </a:r>
          </a:p>
          <a:p>
            <a:endParaRPr lang="da-DK" dirty="0"/>
          </a:p>
          <a:p>
            <a:r>
              <a:rPr lang="da-DK" dirty="0"/>
              <a:t>Formål:</a:t>
            </a:r>
          </a:p>
          <a:p>
            <a:pPr lvl="1"/>
            <a:r>
              <a:rPr lang="da-DK" dirty="0"/>
              <a:t>Inspirere gymnasielærere og –elever til </a:t>
            </a:r>
            <a:r>
              <a:rPr lang="da-DK" dirty="0" err="1"/>
              <a:t>Computational</a:t>
            </a:r>
            <a:r>
              <a:rPr lang="da-DK" dirty="0"/>
              <a:t> </a:t>
            </a:r>
            <a:r>
              <a:rPr lang="da-DK" dirty="0" err="1"/>
              <a:t>Thinking</a:t>
            </a:r>
            <a:r>
              <a:rPr lang="da-DK" dirty="0"/>
              <a:t> med Matematik</a:t>
            </a:r>
          </a:p>
          <a:p>
            <a:pPr lvl="1"/>
            <a:r>
              <a:rPr lang="da-DK" dirty="0"/>
              <a:t>Vedligeholde dialog med Matematik A og Matematik på DTU</a:t>
            </a:r>
          </a:p>
          <a:p>
            <a:pPr lvl="1"/>
            <a:r>
              <a:rPr lang="da-DK" dirty="0"/>
              <a:t>Bygge bro mellem Matematik A og DTU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CBA92B8-2172-C6EF-42CF-B8D0A2E472C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3074" name="Picture 2">
            <a:extLst>
              <a:ext uri="{FF2B5EF4-FFF2-40B4-BE49-F238E27FC236}">
                <a16:creationId xmlns:a16="http://schemas.microsoft.com/office/drawing/2014/main" id="{101677DC-88DE-DFEA-8B87-03419F536B0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67414" y="764704"/>
            <a:ext cx="3411903" cy="19902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98298D23-1B35-22E4-84C7-08E05AEFEC1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03518" y="2703243"/>
            <a:ext cx="3200356" cy="1800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6486098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F4C08C7F-F953-44DE-ACDE-930692BDDB0F}">
  <ds:schemaRefs/>
</ds:datastoreItem>
</file>

<file path=customXml/itemProps3.xml><?xml version="1.0" encoding="utf-8"?>
<ds:datastoreItem xmlns:ds="http://schemas.openxmlformats.org/officeDocument/2006/customXml" ds:itemID="{02E7CCCE-613B-4CED-B813-E473EA1E01B2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customXml/itemProps7.xml><?xml version="1.0" encoding="utf-8"?>
<ds:datastoreItem xmlns:ds="http://schemas.openxmlformats.org/officeDocument/2006/customXml" ds:itemID="{56C8BFB2-A911-4310-9D4A-421D773FAFA6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337</TotalTime>
  <Words>289</Words>
  <Application>Microsoft Office PowerPoint</Application>
  <PresentationFormat>Custom</PresentationFormat>
  <Paragraphs>109</Paragraphs>
  <Slides>1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5" baseType="lpstr">
      <vt:lpstr>Arial</vt:lpstr>
      <vt:lpstr>Verdana</vt:lpstr>
      <vt:lpstr>Blank</vt:lpstr>
      <vt:lpstr>PowerPoint Presentation</vt:lpstr>
      <vt:lpstr>Bridging the gap Kim Knudsen</vt:lpstr>
      <vt:lpstr>PowerPoint Presentation</vt:lpstr>
      <vt:lpstr>PowerPoint Presentation</vt:lpstr>
      <vt:lpstr>DTU Compute Matematik og Computer Science</vt:lpstr>
      <vt:lpstr>Computational thinking</vt:lpstr>
      <vt:lpstr>Computational thinking og Matematik E2025</vt:lpstr>
      <vt:lpstr>Struktur</vt:lpstr>
      <vt:lpstr>Fagligt indhold</vt:lpstr>
      <vt:lpstr>Process</vt:lpstr>
      <vt:lpstr>PowerPoint Presentation</vt:lpstr>
      <vt:lpstr>PowerPoint Presentation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im Knudsen</dc:creator>
  <cp:lastModifiedBy>Kim Knudsen</cp:lastModifiedBy>
  <cp:revision>13</cp:revision>
  <dcterms:created xsi:type="dcterms:W3CDTF">2024-03-11T19:00:52Z</dcterms:created>
  <dcterms:modified xsi:type="dcterms:W3CDTF">2024-08-27T16:43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